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tables/table1.xml" ContentType="application/vnd.openxmlformats-officedocument.spreadsheetml.table+xml"/>
  <Override PartName="/xl/tables/table2.xml" ContentType="application/vnd.openxmlformats-officedocument.spreadsheetml.table+xml"/>
  <Override PartName="/xl/tables/table3.xml" ContentType="application/vnd.openxmlformats-officedocument.spreadsheetml.table+xml"/>
  <Override PartName="/xl/tables/table4.xml" ContentType="application/vnd.openxmlformats-officedocument.spreadsheetml.table+xml"/>
  <Override PartName="/xl/tables/table5.xml" ContentType="application/vnd.openxmlformats-officedocument.spreadsheetml.table+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s262089\Documents\ERCOT\RMS\0Working Groups\RECTF\"/>
    </mc:Choice>
  </mc:AlternateContent>
  <bookViews>
    <workbookView xWindow="0" yWindow="0" windowWidth="28800" windowHeight="13020"/>
  </bookViews>
  <sheets>
    <sheet name="Issues" sheetId="1" r:id="rId1"/>
    <sheet name="RefTables" sheetId="2" r:id="rId2"/>
    <sheet name="Process" sheetId="3" r:id="rId3"/>
  </sheets>
  <definedNames>
    <definedName name="_xlnm._FilterDatabase" localSheetId="0" hidden="1">Issues!$A$1:$P$123</definedName>
    <definedName name="_Hlk65528898" localSheetId="0">Issues!$F$22</definedName>
    <definedName name="_Hlk65627219" localSheetId="0">Issues!$F$24</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Boren, Ann</author>
  </authors>
  <commentList>
    <comment ref="B1" authorId="0" shapeId="0">
      <text>
        <r>
          <rPr>
            <b/>
            <sz val="9"/>
            <color indexed="81"/>
            <rFont val="Tahoma"/>
            <family val="2"/>
          </rPr>
          <t>Boren, Ann:</t>
        </r>
        <r>
          <rPr>
            <sz val="9"/>
            <color indexed="81"/>
            <rFont val="Tahoma"/>
            <family val="2"/>
          </rPr>
          <t xml:space="preserve">
Should we come up with more general categories for this column?</t>
        </r>
      </text>
    </comment>
    <comment ref="C1" authorId="0" shapeId="0">
      <text>
        <r>
          <rPr>
            <b/>
            <sz val="9"/>
            <color indexed="81"/>
            <rFont val="Tahoma"/>
            <family val="2"/>
          </rPr>
          <t>Boren, Ann:</t>
        </r>
        <r>
          <rPr>
            <sz val="9"/>
            <color indexed="81"/>
            <rFont val="Tahoma"/>
            <family val="2"/>
          </rPr>
          <t xml:space="preserve">
This might columnn may be overkill - we may just want to take this out.</t>
        </r>
      </text>
    </comment>
  </commentList>
</comments>
</file>

<file path=xl/sharedStrings.xml><?xml version="1.0" encoding="utf-8"?>
<sst xmlns="http://schemas.openxmlformats.org/spreadsheetml/2006/main" count="1060" uniqueCount="340">
  <si>
    <t>Awaiting Legislative Direction</t>
  </si>
  <si>
    <t>Outside the Stakeholder Purview</t>
  </si>
  <si>
    <t>Owner</t>
  </si>
  <si>
    <t>Category</t>
  </si>
  <si>
    <t>Timing</t>
  </si>
  <si>
    <t>TAC Priority</t>
  </si>
  <si>
    <t>Status</t>
  </si>
  <si>
    <t>Near Term Stakeholder Items</t>
  </si>
  <si>
    <t>Item #</t>
  </si>
  <si>
    <t>Item Description</t>
  </si>
  <si>
    <t>RMS</t>
  </si>
  <si>
    <t>WMS</t>
  </si>
  <si>
    <t>PRS</t>
  </si>
  <si>
    <t>TAC</t>
  </si>
  <si>
    <t>Owners</t>
  </si>
  <si>
    <t>High</t>
  </si>
  <si>
    <t>Medium</t>
  </si>
  <si>
    <t>Low</t>
  </si>
  <si>
    <t>ROS</t>
  </si>
  <si>
    <t>Not Started</t>
  </si>
  <si>
    <t>In Progress</t>
  </si>
  <si>
    <t>On Hold</t>
  </si>
  <si>
    <t>Completed</t>
  </si>
  <si>
    <t>ERCOT</t>
  </si>
  <si>
    <t>Communication</t>
  </si>
  <si>
    <t>ERCOT listserv</t>
  </si>
  <si>
    <t>Review limitations on the ability of a REP/LSE to communicate to customers regardless of communications coming from ERCOT</t>
  </si>
  <si>
    <t xml:space="preserve">Outage alerts pushed to end-use Customers from TDUs </t>
  </si>
  <si>
    <t>Outage websites (media directs Customers to those)</t>
  </si>
  <si>
    <t xml:space="preserve">Consistency in delivery and content of messaging in communications from the TDUs </t>
  </si>
  <si>
    <t>Timeliness of messaging (e.g. customer may be out all day, after they were already out)</t>
  </si>
  <si>
    <t>Possibility to leverage TDU CRIP sites (Competitive Retail Information Portal) for customer communications</t>
  </si>
  <si>
    <t>Modifications to ERCOT Corporate Communication Handbook to include information to RMS</t>
  </si>
  <si>
    <t>ERCOT FAQs were excellent but could benefit from more timely dissemination</t>
  </si>
  <si>
    <t>Should ERCOT Summer Preparedness communications begin to include Winter preparedness</t>
  </si>
  <si>
    <t>Customer</t>
  </si>
  <si>
    <t>Market Participant</t>
  </si>
  <si>
    <t>Sub-Category</t>
  </si>
  <si>
    <t>Data</t>
  </si>
  <si>
    <t>Metering</t>
  </si>
  <si>
    <t>TACPriority</t>
  </si>
  <si>
    <t>Default</t>
  </si>
  <si>
    <t>Transparency</t>
  </si>
  <si>
    <t>Mass Transition</t>
  </si>
  <si>
    <t>Acquisition Transfer</t>
  </si>
  <si>
    <t>Uplift</t>
  </si>
  <si>
    <t>Concerns with the high uplift and impacts to a residential customer, how to communicate what uplift is, how it works, including refunds to customers</t>
  </si>
  <si>
    <t>ERCOT Website</t>
  </si>
  <si>
    <t>ERCOT website display, develop and improve the conditions on the grid numbers.  The supply/demand chart was not helpful because it was not accurate.  Current system conditions and forecasts are not clear.</t>
  </si>
  <si>
    <t>Procedural</t>
  </si>
  <si>
    <t>Have RMS preparation discussions twice a year to cover summer and winter</t>
  </si>
  <si>
    <t>Seaonal Preparation</t>
  </si>
  <si>
    <t>Pricing</t>
  </si>
  <si>
    <t>Planning &amp; Operating Reserves</t>
  </si>
  <si>
    <t>ERS / Demand Response</t>
  </si>
  <si>
    <t>Distributed Generation</t>
  </si>
  <si>
    <t>DC Ties</t>
  </si>
  <si>
    <t>Credit</t>
  </si>
  <si>
    <t>Settlement</t>
  </si>
  <si>
    <t>Should there be a minimum market notice &amp; timeline for design changes that impact prices so as to allow MPs time for hedging?</t>
  </si>
  <si>
    <t>Should DAM design for pricing AS be changed? Should ASDC be implemented in DAM. If not, should AS price be capped at $9,000/MW/hr? If not, should there be market participant training developed and notice sent explaining how maximum A/S MCPC can be $27k versus $9k.</t>
  </si>
  <si>
    <t>Should TCEQ exempt MWs be priced at a floor of $1500/MWh or higher? If ERCOT RUCs the resource, how is the resource compensated for lost opportunity of using the emissions limit during other scarcity time Vs the RUCed time?</t>
  </si>
  <si>
    <t xml:space="preserve">Review converge of ORDC &amp; PRC during the event. </t>
  </si>
  <si>
    <t>How did exceptional fuel price process work?</t>
  </si>
  <si>
    <t xml:space="preserve">How did the resource adequacy incentives, including scarcity pricing mechanism, perform for promoting resource adequacy? Are alternative market design approaches necessary to promote/ensure resource adequacy? </t>
  </si>
  <si>
    <t xml:space="preserve">What is the best way to ensure prices are consistent with market design during load shed? </t>
  </si>
  <si>
    <t>Shouldn’t protocols be changed to include firm load shed in RDPA to reflect commission order ?</t>
  </si>
  <si>
    <t>Should there be different PRC EEA trigger point for winter and summer given potential for different events?</t>
  </si>
  <si>
    <t>Could fast frequency response play a bigger role?</t>
  </si>
  <si>
    <t>How did batteries providing FFR perform? Were FFR providers allowed to charge and if not, what penalties did they get charged?</t>
  </si>
  <si>
    <t>Are adjustments to the load forecasting methodology, scenario analysis and trend analysis needed in light of this event?</t>
  </si>
  <si>
    <t>How should capacity reports be modified to include gas market coincident and offsetting risks with electric system?</t>
  </si>
  <si>
    <t>What were the costs, benefits, and constraints of dual fuel and fuel storage? Are there potential market incentives based on lessons learned from this event?</t>
  </si>
  <si>
    <t>Improve situational awareness by identifying all NG infrastructure that is critical for power plants, Identifying firm and non-firm supply power plants. Should payments for NG storage closer to NG plants be considered to avoid counting a major supply on long haul transport?</t>
  </si>
  <si>
    <t>How did DR perform? Should UFR deployed beyond the period of it obligation be compensated for the deployment? Should A/S Imbalance Charge to deployed Load Resources be revisited?</t>
  </si>
  <si>
    <t>Should all prospective (and existing) Load Resources and ERS loads that are classified as essential to the transportation, compression, processing, and delivery of natural gas or any other power generation fuel not be allowed to participate as LR or ESR?</t>
  </si>
  <si>
    <t xml:space="preserve">Could more DERs have helped? In addition to settlement-only DERs (between 1 and 10 MWs) is more needed to be done for a heavy-version of DERs so they can compete in energy and ancillary market more directly or is the current DER-light approach good enough? </t>
  </si>
  <si>
    <t>How did SODG perform?</t>
  </si>
  <si>
    <t>ERS</t>
  </si>
  <si>
    <t>DR</t>
  </si>
  <si>
    <t>DER</t>
  </si>
  <si>
    <t>SODG</t>
  </si>
  <si>
    <t>What enhancements to the existing credit/collateral requirements and overall credit risk management policies are needed as a result of this event?</t>
  </si>
  <si>
    <t>Should Collateral and Settlement be netted at CP level?</t>
  </si>
  <si>
    <t>Should correct credit calcs for DC Tie import/export during EEA be corrected as RTLE is based on history of value which could be exporting power while during EEA it would be importing?</t>
  </si>
  <si>
    <t>What changes to ERCOT settlements and market uplift processes are needed as a result of this event?</t>
  </si>
  <si>
    <t xml:space="preserve">What is the potential default uplift exposure for different entities?
- MMARS of all counterparties that have defaulted, for Municipalities, for Coops, for other entities with short pay but not defaulted.
- Total Accumulated Short Pay for defaulted Counterparties, for Municipalities or coops that have not yet defaulted, for other Counterparties that have not yet defaulted
- Total credit instruments exercised and unexercised </t>
  </si>
  <si>
    <t>Should there be make whole payments for extremely high fuel costs during EEA3?</t>
  </si>
  <si>
    <t xml:space="preserve">Should money pulled from CARD revenue be included in determining default uplift? </t>
  </si>
  <si>
    <t>How do we ensure that generation resources are being compensated for firm fuel arrangements?</t>
  </si>
  <si>
    <t>Should credit exposure calculations be based on net DA and RT activity using preliminary RT pricing and net DART daily invoices, instead of extrapolations from recent activity exposure with RT and DA activity invoiced separately on the staggered timeline they are now invoiced on? Compare with how it is done in other ISOs.</t>
  </si>
  <si>
    <t>Fuel Costs</t>
  </si>
  <si>
    <t>Default Uplift</t>
  </si>
  <si>
    <t>Should there be enforceable standards for summer and winter weatherization to account for extreme temperatures in both seasons?</t>
  </si>
  <si>
    <t>Should there be a set reliability requirement?</t>
  </si>
  <si>
    <t xml:space="preserve">Should DSP circuits be granular enough to allow for rotating outages? Compare how different utilities managed load shed. What amount of load loss prohibits rolling black out? </t>
  </si>
  <si>
    <t xml:space="preserve">Should there be a formal coordination process between the entities responsible for regulating electricity, water, and natural gas? </t>
  </si>
  <si>
    <t>Should there be a uniform process for identifying and updating critical infrastructure across all industries that are needed in producing electricity, gas, and water?</t>
  </si>
  <si>
    <t>Should there be a statewide communication mechanism to provide information in easy-to-understand terms for consumers before and during emergency event.</t>
  </si>
  <si>
    <t>Should products that directly expose residential consumers to wholesale market prices be allowed?</t>
  </si>
  <si>
    <t>Request for an overall assessment and root cause analysis of this event (submitter provided comments and questions regarding the process and content for the assessment)</t>
  </si>
  <si>
    <t>Request for Review of:
- ERCOT governance structure and identification of potential improvements to ERCOT bylaws and stakeholder process
- ERCOT communications to the public and to stakeholders before, during, and after the event and identification of communication plan improvements
- ERCOT’s emergency response plan and role in emergency preparedness and response before, during, and after the event; identification of process improvements</t>
  </si>
  <si>
    <t>Request for benchmarking effort with other North American RTOs and ISOs to identify best practices and improvement opportunities in topics from post-event assessment</t>
  </si>
  <si>
    <t>Should there be enhancements to the Gas Electric Working Group scope and activities to improve participation and effectiveness? Are the protocol 3.21.1 requirements regarding gas pipeline coordination for summer preparedness effective and are similar requirements for winter preparedness needed?</t>
  </si>
  <si>
    <t>Are existing winter weatherization related ERCOT requirements, preparations, and processes, including protocol 3.21, sufficient and are there any gaps or improvements that should be considered, including standardized requirements?</t>
  </si>
  <si>
    <t>Request to review the availability of blackstart units and consider potential process improvements including priority for non-curtailment of gas supply to ensure availability during extreme weather events</t>
  </si>
  <si>
    <t>Should critical infrastructure be prohibited from participating in demand response programs, at least during severe weather events?</t>
  </si>
  <si>
    <t>Should LCAP be capped at $9k?</t>
  </si>
  <si>
    <t>Should there be different PRC EEA trigger point &amp; ORDC minimum reserves levels for winter and summer given potential for different events?</t>
  </si>
  <si>
    <t xml:space="preserve">How should intermittent nature of renewable resources be accounted for to ensure proper dispatchable capacity is available to meet energy demands </t>
  </si>
  <si>
    <t>Should ERCOT’s conservation appeal during winter-time include a defined period for conservation, instead of a blanket request to appeal without a defined time period for conservation?</t>
  </si>
  <si>
    <t>To harden critical infrastructure should
- ERS be expanded 
- new program like ERS be created to support DERs
- encourage stand-alone self-contained microgrids.
- encourage installation of fuel storage at or near gas plants
- Install backup batteries/DG at critical facilities</t>
  </si>
  <si>
    <t>Other Items from WMS</t>
  </si>
  <si>
    <t>Overall Assessment and Root Cause Analysis: Perform an independent overall assessment of the February 2021 Winter Weather Event, including root cause analysis, with recommendations for future market and reliability enhancements in advance of summer 2021 and winter 2021-2022 to the extent feasible</t>
  </si>
  <si>
    <t>Emergency Preparedness and Response: Review ERCOT’s emergency response plan and ERCOT’s role in emergency preparedness and response leading up to, during, and after the February 2021 winter weather event and consider process improvements and enhanced coordination among market participants and State and local emergency preparedness and response organizations.</t>
  </si>
  <si>
    <t>Governance: Review ERCOT’s governance structure and identify potential process improvements in the ERCOT Bylaws and ERCOT stakeholder processes.</t>
  </si>
  <si>
    <t>ERCOT Communications: Review ERCOT communications to the public and market participants before, during, and after the event and identify potential process improvements and recommendations for ERCOT and market participant communications plans for future ERCOT emergency events, including extreme load shed scenarios.</t>
  </si>
  <si>
    <t>Benchmarking: Conduct benchmarking with other regional transmission organizations (RTOs) and independent system operators (ISO) in North America to identify best practices and opportunities for improvement in topics to be reviewed in the post February 2021 winter weather event assessment including policies, requirements, and processes related to communications, emergency preparedness and response, winter weatherization, wholesale market design to ensure resource adequacy during winter months and extreme winter weather events, load shed protocols and obligations, electric-gas coordination, and training.</t>
  </si>
  <si>
    <t>ROS Items</t>
  </si>
  <si>
    <t>ERCOT Training Program: Review existing ERCOT training program, including system operator and communications training relevant to ERCOT emergency events and identify opportunities for enhancements to existing training and development of new training modules to consider load shed events of various levels of magnitude.</t>
  </si>
  <si>
    <t>Load Shed Practices: Coordinate with Transmission Operators to understand the practical and operational limitations of Transmission Operators and related Distribution Service Providers to facilitate rotating Load shed practices when faced with an extreme magnitude of firm Load shed instructions.  The extraordinary amount of Load shed, which resulted in outages that could not rotate from one area to another, was an extremely difficult issue during February 15-19.  Upon feedback, consider adjusting operational practices between ERCOT and Transmission Operators to achieve effective rotating Load shed objectives.  This objective will likely require industry-wide commitment to develop solutions, but after what occurred here, that effort must begin immediately.*</t>
  </si>
  <si>
    <t>Load Impact to GTCs: Determine the impact of load shed on generation curtailments for generation tied to a GTC.</t>
  </si>
  <si>
    <t>Modify under-frequency relay (UFR) process to understand whether they can be used in smaller areas.  Create a comparison among Transmission Operators and related Distribution Service Providers with how the UFRs performed with different types of load.</t>
  </si>
  <si>
    <t>ROS General Items</t>
  </si>
  <si>
    <t>ROS Load-Related Items</t>
  </si>
  <si>
    <t>DER Registration: Expand registration and Real-Time data requirements for all types of resources beyond current modeling requirements (e.g., distribution-level resources) to enhance situational awareness for planning and operational purposes.*</t>
  </si>
  <si>
    <t>Winter Weatherization Preparations: Review existing ERCOT requirements, including Section 3.21 of the ERCOT Protocols, and associated processes related to winter weatherization preparations, findings from ERCOT’s review of the most recent submissions of Emergency Operations Plan, Weatherization Plans, and Declarations of Summer and Winter Weather Preparedness, and identify potential gaps and process improvements, including consideration of standardized requirements.</t>
  </si>
  <si>
    <t>Resource Outage Information during Event: Review units that were unavailable or did not bid into market by county and assess potential regional weatherization standards.</t>
  </si>
  <si>
    <t>Frequency Relay Points: Analyze load shed responsibilities related to frequencies for generation and load and ensure alignment</t>
  </si>
  <si>
    <t>Station Service: Consider rule changes for turning off station service load at resources that are unavailable during EEA conditions.</t>
  </si>
  <si>
    <t>Resource Telemetry: Ensure accurate exchange of Resource telemetry information related to Physical Responsive Capability (available operating reserves in real time) to enhance situational awareness during EEA events.*</t>
  </si>
  <si>
    <t>ROS Generation-Related Items</t>
  </si>
  <si>
    <t>ROS Transmission-Related Items</t>
  </si>
  <si>
    <t>Transmission Planning Studies: Review existing transmission planning study assumptions and processes and determine if any adjustments are needed to adequately prepare for future extreme weather events including changes in assumptions for demand, generation, dispatch, and system constraints.</t>
  </si>
  <si>
    <t>Near-Term Stakeholder Items</t>
  </si>
  <si>
    <t>Long-Term Stakeholder Items</t>
  </si>
  <si>
    <t>ERCOT/ROS</t>
  </si>
  <si>
    <t>Work with applicable government and private entities to improve ERCOT emergency public safety communications (e.g., AMBER Alert and TxDOT digital highway signs) for anticipated and actual Energy Emergency Alert (EEA) events, including Load shed in the ERCOT Region.  Incorporate public safety communications strategy into all communication channels such as traditional news media, the ERCOT website, and social media platforms.</t>
  </si>
  <si>
    <t>Increase coordination through the Texas Energy Reliability Council (TERC) and ERCOT’s Gas Electric Working Group (GEWG) to identify critical gas facilities for Transmission and/or Distribution Service Providers to avoid disconnection during EEA events.</t>
  </si>
  <si>
    <t xml:space="preserve">Comprehensive evaluation of Settlement and Creditworthiness requirements and ERCOT discretion practices during the Event.  Consider changes such as: Settlement at Counter-Party level versus Qualified Scheduling Entity level, use of Unsecured Credit and certain Financial Security (e.g., surety bond and guarantees), and creation of Counter-Party financial dashboard.  </t>
  </si>
  <si>
    <t>Awaiting Commission Direction</t>
  </si>
  <si>
    <t>ROS/WMS</t>
  </si>
  <si>
    <t>ROS/WMS/RMS</t>
  </si>
  <si>
    <t>Item 4</t>
  </si>
  <si>
    <t>Item 5</t>
  </si>
  <si>
    <t>Item 8</t>
  </si>
  <si>
    <t>Item 2</t>
  </si>
  <si>
    <t>Item 3</t>
  </si>
  <si>
    <t>Item 1</t>
  </si>
  <si>
    <t>Item 6</t>
  </si>
  <si>
    <t>Item 7</t>
  </si>
  <si>
    <t>Memo from Magness</t>
  </si>
  <si>
    <t>PUCT Project</t>
  </si>
  <si>
    <t>Project No . 51840 , Rulemaking to Establish Weatherization Standards</t>
  </si>
  <si>
    <t>Project No . 51839 , Electric - Gas Coordination</t>
  </si>
  <si>
    <t>Project No . 51830 : Review of Wholesale - Indexed Products for Compliance with Customer Protection Rules for Retail Electric Service</t>
  </si>
  <si>
    <t>Communications and Governance</t>
  </si>
  <si>
    <t>Retail Market</t>
  </si>
  <si>
    <t>Project No. 51841, Review of 16 TAC § 25.53 Relating to Electric Service Emergency Operations Plans</t>
  </si>
  <si>
    <t>Project No. 51871, Review of the ERCOT Scarcity Pricing Mechanism</t>
  </si>
  <si>
    <t xml:space="preserve">Project No . 51840 , Rulemaking to Establish Weatherization Standards
Project No . 51841 , Review of 16 TAC § 25.53 Relating to Electric Service Emergency Operations Plans </t>
  </si>
  <si>
    <t>Market Settlements</t>
  </si>
  <si>
    <t>Originating Entity</t>
  </si>
  <si>
    <t>Stakeholder</t>
  </si>
  <si>
    <t>Can a new REP be formed by individuals associated with a defaulted REP?  Will the default amount caused by market participants leaving the market (e.g. default/bankruptcy) from the February event be allocated to new and existing market participants?</t>
  </si>
  <si>
    <t>Project No . 51888, Review of Critical Load Standards and Processes
Project No. 51889, Review of Communications for the Electric Market</t>
  </si>
  <si>
    <t>Project No . 51839, Electric - Gas Coordination
Project No . 51888, Review of Critical Load Standards and Processes</t>
  </si>
  <si>
    <t>Project No . 51888, Review of Critical Load Standards and Processes</t>
  </si>
  <si>
    <t>Project No. 51889, Review of Communications for the Electric Market</t>
  </si>
  <si>
    <t>Project No . 51839 , Electric - Gas Coordination
Project No. 51889, Review of Communications for the Electric Market</t>
  </si>
  <si>
    <t>Project No . 51840 , Rulemaking to Establish Weatherization Standards
Project No . 51839 , Electric - Gas Coordination 
Project No . 51888, Review of Critical Load Standards and Processes
Project No. 51889, Review of Communications for the Electric Market</t>
  </si>
  <si>
    <t>Project No . 51839 , Electric - Gas Coordination
Project No . 51888, Review of Critical Load Standards and Processes</t>
  </si>
  <si>
    <t xml:space="preserve">Project No . 51871 , Review of the ERCOT Sccircity Pricing Mechanism
Project No . 51889, Review of Communications for the Electric Market </t>
  </si>
  <si>
    <t xml:space="preserve">Switchable Generation Resources (SWGRs):
o Make sure settlement, operator interaction and offers align with the intent of the Protocols and intended market design.
o If necessary, propose changes to the Protocols
o Exelon Items
</t>
  </si>
  <si>
    <t xml:space="preserve">Emergency Response Service (ERS):
o Crossover between procurement time periods and calculation of the adder.
o Self-deployment of ERS.
</t>
  </si>
  <si>
    <t xml:space="preserve">Credit/Collateral for QSE representing Resource only.
o The potential default of a QSE representing a Resource instead of a trader only or Customer Load has raised some potential gaps/policy considerations for improvement.  (e.g. should a generator be taken out of markets during tight conditions?)
</t>
  </si>
  <si>
    <t>Evaluate current TCEQ enforcement discretion process and look for improvements with managing potential emission limitation issues.</t>
  </si>
  <si>
    <t xml:space="preserve">Development of probabilistic SARA and net load forecast. Review of Resource Adequacy forecasts with evaluation and possible implementation of probabilistic SARA and net load forecast as supplements to current Resource Adequacy reports. </t>
  </si>
  <si>
    <t>Summer Assessment</t>
  </si>
  <si>
    <t>Item Number</t>
  </si>
  <si>
    <t>PLWG</t>
  </si>
  <si>
    <t>Assessment of dynamic stability had the underfrequency relays asserted during the winter storm event. Given the amount of non-underfrequency load shed, the percentage of underfrequency load in-service had increased. If the increased percentage of underfrequency load had been shed would generation remain stable?</t>
  </si>
  <si>
    <t>Eric Easton (CNP)</t>
  </si>
  <si>
    <t>Review the use of dynamic load shed ratios which more closely align with the specific event and changes in load density by comparing the static load shed table to the dynamic (actual) load ratio shares during the winter event.</t>
  </si>
  <si>
    <t>Lori Simpson (Constellation)</t>
  </si>
  <si>
    <t>RCWG/WMWG</t>
  </si>
  <si>
    <t>Other Notes</t>
  </si>
  <si>
    <t>OWG</t>
  </si>
  <si>
    <t>CWG/MCWG</t>
  </si>
  <si>
    <t>WMWG</t>
  </si>
  <si>
    <t>MCWG</t>
  </si>
  <si>
    <t xml:space="preserve">Procedures during Natural Gas Supply Emergency: Review current procedures and communication requirements between ERCOT, TOs, QSEs, and REs during a natural gas supply failure and assess if changes are warranted.  </t>
  </si>
  <si>
    <t>• Most recent spreadsheet will be posted on the TAC Landing Page</t>
  </si>
  <si>
    <t>• Working Group edits on the List will be taken to Subcommittee for review</t>
  </si>
  <si>
    <t xml:space="preserve">• TAC will review Subcommittee comments and incorporate changes into the master spreadsheet
</t>
  </si>
  <si>
    <t>• Independent edits can be sent to RevisionRequest@ercot.com  – these will be referred to a subcommittee/TAC for review as applicable</t>
  </si>
  <si>
    <t>• Subcommittees will review and incorporate WG and other suggested edits as “Subcommittee Comments” to present to TAC  - Comments should be made in the applicable color-coded column</t>
  </si>
  <si>
    <t>Awaiting Commission Project</t>
  </si>
  <si>
    <t>ROS Notes</t>
  </si>
  <si>
    <t>WMS Notes</t>
  </si>
  <si>
    <t>RMS Notes</t>
  </si>
  <si>
    <t>SAWG</t>
  </si>
  <si>
    <t>DSWG</t>
  </si>
  <si>
    <t>PDCWG</t>
  </si>
  <si>
    <t xml:space="preserve">PLWG/SSWG  </t>
  </si>
  <si>
    <t xml:space="preserve">Emergency Response Service (ERS) Program: Review performance of ERCOT’s ERS Program during the February 2021 Winter Weather Event and determine if any adjustments to the program is needed based on those findings.  Request ERCOT provide report on ERS performance to DSWG. Report/presentation should include: 
- ERS contract term procurement results specifics (and add amounts offered but not procured for SCT) 
- Deployment specifics (times, amounts, self-deployments, entirety of EEA event and recovery, weather-sensitive vs. Non-weather sensitive, connectivity details (Transmission vs. Distribution), problems in deploying, initial observations/quick changes needed, % of ERS allotment spent, effect on remaining SCTs for 2021, etc.)
2. Direct DSWG to review the information presented by ERCOT. Develop list of lessons learned. Assign champions for additional discussion and recommendations to WMS. Report to WMS on both the ERCOT findings and DSWG recommendations. </t>
  </si>
  <si>
    <t>Energy Emergency Alert: Review EEA rules and assess if any changes are warranted.  Look into issues going into and out of EEA and whether directives were appropriate.</t>
  </si>
  <si>
    <t xml:space="preserve">Demand Response: Review demand response performance during the event. 
Request ERCOT to provide report/presentation on Demand Response over the event.   Would include both REP and NOIE area data. Would be limited to existing data. 
Direct DSWG to review the information presented by ERCOT. Develop list of lessons learned. Assign champions for additional discussion and recommendations to WMS. Report to WMS on both the ERCOT findings and DSWG recommendations.  </t>
  </si>
  <si>
    <t>CMWG</t>
  </si>
  <si>
    <t>What changes are needed to the reserve margin target, reserve margin calculation methodologies used for the CDR and SARA, and planning reserve margin studies including EORM and MERM to account for impacts from this event? Should CDR be changed to better reflect climate change and extremes such as the 2011 heat events and the 2021 Polar Vortex. – average Vs extreme sensitivities Vs worst case scenarios? How to reflect reliability risk in CDR and SARA? 
Coordinate with Item 88</t>
  </si>
  <si>
    <t>Request to accelerate ongoing efforts to improve the CDR and SARA and incorporate probabilistic modeling approach to evaluate the risk of various magnitudes of ERCOT emergency events. If existing deterministic scenario is retained, consider revisions to account for more extreme and overlapping events. Consider actions to be taken based on resource adequacy report results.
Coordinate with Item 87</t>
  </si>
  <si>
    <t>Should the Reliability Must Run (RMR) processes be extended to units proposed for seasonal mothball? Are the RMR and Must Run Alternative study and processes sufficient or are changes to study parameters, such as winter peak-, planned/forced outage-, or resource dispatch-scenarios, needed?
Combine with Item 43</t>
  </si>
  <si>
    <t>How should we revise extreme winter cases for planning assessments?  Would like to start with review of changes made to March SARA</t>
  </si>
  <si>
    <t xml:space="preserve">SAWG
</t>
  </si>
  <si>
    <t xml:space="preserve">Did we place conflicting risks on any ERS loads?  DSWG to discuss with participants any conflicts that arose regarding ERS performance with input from ERCOT, and provide details to WMS. </t>
  </si>
  <si>
    <t>What % of $50M for ERS was used during winter period?  
Combine with Item 48</t>
  </si>
  <si>
    <t>Did ERS work well during crisis? Are any modifications needed? 
Combine with Item 48</t>
  </si>
  <si>
    <t>How much of the ERS load is from transmission connected load vs distribution connected and how much transmission connected load self-curtailed?
Combine with Item 48</t>
  </si>
  <si>
    <t>If ERCOT had more flexibility to increase ERS resources would it have helped?
Combine with Item 48</t>
  </si>
  <si>
    <t>Are changes to the use/applicability of Peaker Net Margin methodology needed to protect ratepayers during extended scarcity events?</t>
  </si>
  <si>
    <t>Develop and implement updated methodology used to determine cost of new entry (CONE)
ERCOT to file NPRR based on Aug 2020 SAWG consensus ahead of April PRS; planning on April SAWG</t>
  </si>
  <si>
    <t>How batteries qualify for AS and the impact of their duration limits.</t>
  </si>
  <si>
    <t>Outage Scheduler: Explore overall reporting and timing requirement changes to the ERCOT Outage Scheduler to ensure more specific, complete, and accurate information for Forced Outages of Resources during Real-Time operational conditions.  Make appropriate system changes to the ERCOT Outage Scheduler to achieve enhanced situational awareness objective.
 What's the scope of the change?  Does this apply to transmission and distribution?</t>
  </si>
  <si>
    <t>The ERCOT listserv was down for much of the event, how can there be a backup for that, and what can ERCOT and stakeholders identify for communication if the listserv is unavailable.  Evaluate if current listserv set up and ERCOT SLA w/ Vendor is adequate. ERCOT to determine if Listserv functionality can be brought in-house.
Combine with Item 24</t>
  </si>
  <si>
    <t>Subset of C&amp;I customers using medium and large profiles, high initial estimates cause large impacts to large C&amp;I.  C&amp;I to receive similar treatment as the mass market residential segment.  Specific to LC&amp;I customers</t>
  </si>
  <si>
    <t>OTWG</t>
  </si>
  <si>
    <t>Frequency: Analyze system frequency leading up to Energy Emergency Alert conditions and determine impact of low frequency on generation and load tripping.
Combine with Item 30</t>
  </si>
  <si>
    <t>GEWG</t>
  </si>
  <si>
    <r>
      <t xml:space="preserve">Should $2.5M/monthly default uplift be revisited?  </t>
    </r>
    <r>
      <rPr>
        <sz val="11"/>
        <rFont val="Calibri"/>
        <family val="2"/>
        <scheme val="minor"/>
      </rPr>
      <t>How should the $2.5M cap of default uplift per month be changed?</t>
    </r>
  </si>
  <si>
    <t xml:space="preserve">Summer Assessment Item: Non-Frequency Responsive Capacity (NFRC) versus Physical   Responsive Capability (PRC) reserves when Gen RRS is released </t>
  </si>
  <si>
    <t>OWG, PLWG</t>
  </si>
  <si>
    <t>Process for modification of Emergency Conditions List</t>
  </si>
  <si>
    <t>Review GTC Management Process during EEA3: Analyze how much generation was curtailed behind GTCs during EEA3 and assess if changes are warranted around GTC management during emergency conditions.
Tied to Items 29 and 86; Combine with #86</t>
  </si>
  <si>
    <t xml:space="preserve">OWG, PLWG
</t>
  </si>
  <si>
    <t>Are the existing suite of Ancillary Service products and quantities adequate to ensure reliability or are changes needed?
Combine with #44</t>
  </si>
  <si>
    <t>How did DC ties perform during the event? Are there any impacts to planning assumptions and other DC tie policies as a result of this event?
Combine with #41</t>
  </si>
  <si>
    <t xml:space="preserve">PLWG, OWG
</t>
  </si>
  <si>
    <t xml:space="preserve">Review UFE outcomes from Winter Storm Uri - Initial UFE, then running UFE during days of storm, any solutions; allocation of UFE; request ERCOT present February UFE Report to WMS </t>
  </si>
  <si>
    <t xml:space="preserve">MSWG, WMWG (invite PWG) </t>
  </si>
  <si>
    <t>OWG - Contact Blake Gross</t>
  </si>
  <si>
    <t>PLWG
Joint OWG/CMWG discussion at 6/14 CMWG meeting</t>
  </si>
  <si>
    <t>PDCWG to lead review; coordinate with SPWG and DWG.
NOGRR226</t>
  </si>
  <si>
    <t>BSWG
Reviewed Black Start Resource availability during winter storm; proposed rule changes discussed</t>
  </si>
  <si>
    <t>WMWG
Planning for joint meeting with PDCWG in July</t>
  </si>
  <si>
    <t>WMWG
Review complete; recommends to account load curtailment in ORDC calculation; ERCOT has submitted NPRR1081; item will remain open while longer term items continue to be reviewed</t>
  </si>
  <si>
    <t>DSWG
Spend $12,455,453 for Feb1-23 and Spend $7,675,163 for Feb 24- May</t>
  </si>
  <si>
    <t>DSWG
ERS Loads generally over-provided 30%-35% above the combined fleet-level obligation during the Winter Event. ERS Generators generally failed to meet their combined obligation during the Winter Event - 50%-55% below the combined fleet-level obligation due to forced outage</t>
  </si>
  <si>
    <t>PDCWG, DWG</t>
  </si>
  <si>
    <t xml:space="preserve">Evaluate the establishment of expectations regarding meter data and the use of estimates during prolonged, wide-spread customer outages
</t>
  </si>
  <si>
    <t>Do the TDSPs utilize other data practices during prolonged, wide-spread outages which may deviate from normal VEE processes? (major outage events)</t>
  </si>
  <si>
    <t>Demand Billing Considerations for C&amp;I customers</t>
  </si>
  <si>
    <t>Combined with Item 34</t>
  </si>
  <si>
    <t>Combined with Item 41</t>
  </si>
  <si>
    <t>Combined with Item 43</t>
  </si>
  <si>
    <t>Combined with Item 44</t>
  </si>
  <si>
    <t>Combined with item 86</t>
  </si>
  <si>
    <t>Reassigned to WMS on 6/23</t>
  </si>
  <si>
    <t xml:space="preserve">Review constraint management process during EEA3 and assess if changes are warranted: How much generation was curtailed for congestion including GTC during EEA3?
</t>
  </si>
  <si>
    <t xml:space="preserve">DC Ties: Review performance of DC ties during the event and consideration of how this impacts planning assumptions and other policies related to DC ties.
</t>
  </si>
  <si>
    <t xml:space="preserve">Reliability Studies for Proposed Resource Retirements: Review existing reliability must run (RMR) and must-run alternative (MRA) study and processes and determine if any changes to study parameters are needed, including winter peak and planned and forced outage scenarios and generation resource dispatch.  Consider extension of RMR process to units proposed for seasonal mothball.   
</t>
  </si>
  <si>
    <t xml:space="preserve">Ancillary Service Products: Review existing ancillary service products and determine if existing suite of products and amounts is adequate based on lessons learned from the February 2021 winter weather event.
Need to understand how generators offering AS performed: PDCWG to review what happened; Joint meeting with WMWG to discuss market impacts;
</t>
  </si>
  <si>
    <t xml:space="preserve">Load Shed Table: Review the methodology currently used for determining load shed obligations for each Transmission Operator and consider modifications to ensure fair and equitable allocation that prioritizes maintaining service for critical load circuits and enables the ability to rotate outages in future extreme weather events.  This review should consider constraints created by requirements for under-frequency relaying. </t>
  </si>
  <si>
    <t>Consider/discuss possible Protocol requirement for blackstart units to have onsite fuel specifically reserved for blackstart operations. (Oncor/Collin Martin)</t>
  </si>
  <si>
    <t xml:space="preserve">RECTF
RMS requested TAC approval to re-assign item #12 to WMS. 
WMS possesses the subject matter expertise to appropriately address Uplift. </t>
  </si>
  <si>
    <t>Clarify Protocol language addressing processes for payment plans</t>
  </si>
  <si>
    <t>MCWG/CWG
New Item added at 6/23 TAC</t>
  </si>
  <si>
    <t>NPRR1084</t>
  </si>
  <si>
    <t>NPRR1085</t>
  </si>
  <si>
    <t xml:space="preserve">OWG - Contact Ian Haley
</t>
  </si>
  <si>
    <t xml:space="preserve">OWG/PDCWG - Contact Lori Simpson
</t>
  </si>
  <si>
    <t>NPRR1077 - Workshop held on 7/22</t>
  </si>
  <si>
    <t>Blackstart:  Review availability of blackstart units during February 2021 winter weather event and potential process improvements, including priority for non-curtailment of gas supply, to ensure availability during extreme weather events.   Evaluate options to improve restoration process following blackout event.</t>
  </si>
  <si>
    <t>PLWG
PLWG continuing review (common mode failures, potential planning criteria updates, definitions for extreme events, timing of studies)</t>
  </si>
  <si>
    <t>PLWG, OWG - Contact Chad Thompson
DC Ties available but schedules curtailed during Uri; OWG completed review and determined no changes needed; PLWG continuing review</t>
  </si>
  <si>
    <t>WMWG
Proposals to increase participation from ESRs  (set FFR offer floor $0.01 below LR_RRS floor in DAM engine; enable batteries to provide RRS using ONSC status) were presented and an opinion paper concluding that underprocurement of a single AS product was not an issue during URI was discussed; further discussions to be held at PDCWG</t>
  </si>
  <si>
    <t>MCWG
Reviewed default uplift practices in ISO NE, MISO, CAISO, PJM</t>
  </si>
  <si>
    <t>Emergency Operational Communications: Evaluate opportunities to improve emergency operational communications between ERCOT and market participants.  Consider Instant Messaging communication system similar to SPP’s R-COMM to reduce reliance on voice communications during emergency events.</t>
  </si>
  <si>
    <t>OWG
7/8/21 ROS - created new item that focuses on improving emergency operational communication between ERCOT and market participants</t>
  </si>
  <si>
    <t>SB3</t>
  </si>
  <si>
    <t>ERCOT listserv brought in house</t>
  </si>
  <si>
    <t>New dashboard fullfills this item</t>
  </si>
  <si>
    <t>SB2</t>
  </si>
  <si>
    <t>This review should also consider creating separate Load shed tables for winter and summer. There is also calrity needed to ensure only one DSP is counting the Load for meeting the required allocation.  Consider excluding auxilary Load from generation within NOIE territory from Load shed obligation. (GSEC/Katie Rich)
SB3</t>
  </si>
  <si>
    <t>Independent analysis puts this outside of stakeholder purview</t>
  </si>
  <si>
    <t>SAWG
Review complete; per protocol methodology, future winter DC tie capacity contribution will use Uri DC tie performance as a basis</t>
  </si>
  <si>
    <t>NPRR1087</t>
  </si>
  <si>
    <t>HB16</t>
  </si>
  <si>
    <t>SAWG
Caitlin Smith, Lori Simpson assigned as leads</t>
  </si>
  <si>
    <t>DSWG
Awaiting commission direction before addressing</t>
  </si>
  <si>
    <t>SB3
Not all items in this topic are covered by legislative action</t>
  </si>
  <si>
    <t>NPRR1080 addressed AS capping; review of ASDC in DAM remains open</t>
  </si>
  <si>
    <t>NPRR1080 addressed AS capping</t>
  </si>
  <si>
    <t>NPRR1086 addressing this item received PUC approval 8/19/21</t>
  </si>
  <si>
    <t>NPRR1086</t>
  </si>
  <si>
    <t>SB1580 and HB4492 addressed instant defaults.  Should be able to address remaining items in the stakeholder process.</t>
  </si>
  <si>
    <t>Not addressed by the Legislature and don't believe we need a Commission project to be completed to start.</t>
  </si>
  <si>
    <t>RCWG/WMWG
NPRR1086 partially addressed</t>
  </si>
  <si>
    <t>SB2 and SB3</t>
  </si>
  <si>
    <t>This is such a broad item.  I suggest we close it out since there are so many entities doing this review that it makes it inappropriate for stakeholders to step into it.</t>
  </si>
  <si>
    <t>Overly Broad</t>
  </si>
  <si>
    <t>Project 52373</t>
  </si>
  <si>
    <t xml:space="preserve">OWG, PLWG
Joint OWG/CMWG discussions at 6/14, 7/19, 8/16 CMWG meetings
</t>
  </si>
  <si>
    <t>SAWG
Ongoing work for winter SARA</t>
  </si>
  <si>
    <t>SAWG
Working is ongoing for summer 2021 probabilistic model</t>
  </si>
  <si>
    <t>DSWG/WMWG/SAWG
DSWG has completed DR performance review; AS items to be worked with WMWG (Mike Hourihan, Holly O'Neill leads for DSWG)</t>
  </si>
  <si>
    <t>Combined with Item 62</t>
  </si>
  <si>
    <t>DSWG  
SODG RFI summary provided by ERCOT; DGR will be a future topic with completion targeted for Q1-2022</t>
  </si>
  <si>
    <t>PDCWG
No ESR bid for FFR during time of Feb 14/15 winter event</t>
  </si>
  <si>
    <t>WMWG
WMWG to determine if any additional review is needed</t>
  </si>
  <si>
    <t>DSWG
ERCOT findings presented at 8/4/21 WMS meeting</t>
  </si>
  <si>
    <t>DSWG
DSWG generally believes more response, including ERS, as well as more generation, would have helped; Any additional data/findings will be reported to WMS</t>
  </si>
  <si>
    <t>SAWG
WMS will assign this upon receiving commission direction</t>
  </si>
  <si>
    <t>SB3 Emergency Pricing Rule</t>
  </si>
  <si>
    <t>RMS/WMS</t>
  </si>
  <si>
    <t>MCWG
NPRR1073 received PUCT approval 8/19/2021 and partially addresses this item</t>
  </si>
  <si>
    <t>PDCWG
ESR qualifications for AS and duration/charging requirements were defined by a set of 9 NPRRs that stakeholders developed in the Battery Energy Storage Task Force</t>
  </si>
  <si>
    <t>DSWG
ERCOT has established a lessons learned list
PRS recommended approval of NPRR1090 with Urgency; DSWG to determine if any additional action is needed</t>
  </si>
  <si>
    <t>DSWG
Have reviewed DR performance during Uri for REP and NOIE areas;  education session on LR providing RRS planned for future DSWG meeting; 
NPRR1087 recommended for approval with urgency; DSWG to determine if any additional action is needed</t>
  </si>
  <si>
    <t>NPRR1081 addressed this item</t>
  </si>
  <si>
    <t>DSWG
Did we place conflicting risks on any ERS loads?  DSWG to discuss with participants any conflicts that arose regarding ERS performance with input from ERCOT, and provide details to WMS. 
NPRR1087 approved by PRS DSWG to determine if any additional action is needed</t>
  </si>
  <si>
    <t>Joint PLWG / SAWG meeting 9/17</t>
  </si>
  <si>
    <t>OWG
ERCOT gathering info on load shed ratios at different time periods and feasibility of more dynamic approach.</t>
  </si>
  <si>
    <t>Complete</t>
  </si>
  <si>
    <t xml:space="preserve">RECTF
Related to item #8. </t>
  </si>
  <si>
    <r>
      <t xml:space="preserve">10/27 RMS Update to TAC:
IDR/AMS Workshop held on 10/13 to outline ERCOT &amp; TDSP's IDR to AMS load profile changes in support of LPGRR068 for C&amp;I customers with demand &gt;700kW/kVA. 
   - When the profile is changed, interval data will be delivered to ERCOT for use at Initial Settlement via daily LSE file. 
   - Correpondingly reduces number of customers whose usage is delivered monthly via IDR867_03 thereby reducing ERCOT-estimated usage at Initial Settlement. 
   - For these reasons, there is no recommendation to modify ERCOT estimation process at this time.
</t>
    </r>
    <r>
      <rPr>
        <b/>
        <sz val="11"/>
        <color rgb="FFFF0000"/>
        <rFont val="Calibri"/>
        <family val="2"/>
        <scheme val="minor"/>
      </rPr>
      <t>Requesting TAC approval to mark #19 as "Complete".</t>
    </r>
  </si>
  <si>
    <r>
      <t xml:space="preserve">10/27 RMS Update to TAC:
RECTF discussed options to mitigate MP credit risk and explored option of using "Pre-VEE" meter data. In addition to market requirements for "settlement quality data", ERCOT data loading &amp; aggregation report indicated that no changes to current VEE processes are warranted as 99.5% of VEE interval data is consistently delivered to ERCOT on time prior to Initial Settlement (before Operating Day +3).
</t>
    </r>
    <r>
      <rPr>
        <b/>
        <sz val="11"/>
        <color rgb="FFFF0000"/>
        <rFont val="Calibri"/>
        <family val="2"/>
        <scheme val="minor"/>
      </rPr>
      <t>Requesting TAC approval to mark #20 as "Complete".</t>
    </r>
  </si>
  <si>
    <t xml:space="preserve">Not enough transparency in ERCOT default and acquisition processes – more transparency into default and acquisitions to pass on to customers (when happening and how impacts customers)
</t>
  </si>
  <si>
    <t>Should there be modifications for Validation, Editing and Estimation of meter data? What is the extend of billing error caused by this?</t>
  </si>
  <si>
    <t xml:space="preserve">Mass Transition expectations and scenarios for customers
</t>
  </si>
  <si>
    <t>Acquisition transfer process and expectations for customers</t>
  </si>
  <si>
    <r>
      <t xml:space="preserve">10/27 RMS update to TAC:
With the approval of RMGRR165, which includes OPUC as a primary recipient of notice for a Mass Transition event and improves market transparency for Market Participant default and Mass Transition events, </t>
    </r>
    <r>
      <rPr>
        <b/>
        <sz val="11"/>
        <color rgb="FFFF0000"/>
        <rFont val="Calibri"/>
        <family val="2"/>
        <scheme val="minor"/>
      </rPr>
      <t xml:space="preserve">RMS requests TAC approval to mark #21 as "Complete".
</t>
    </r>
  </si>
  <si>
    <r>
      <t xml:space="preserve">10/27 RMS update to TAC:
Each Acquisition Transfer is unique and each event does not follow an established, standard process. Additionally, each Retail MP - CRs, OPUC, ERCOT, TDSPs, and PUCT - will have varying responsibilities depending on the nature of the Acquisition Transfer; therefore the Customer expectations much be established on a case-by-case basis.
</t>
    </r>
    <r>
      <rPr>
        <b/>
        <sz val="11"/>
        <color rgb="FFFF0000"/>
        <rFont val="Calibri"/>
        <family val="2"/>
        <scheme val="minor"/>
      </rPr>
      <t>Requesting TAC approval to mark #23 as "Complete".</t>
    </r>
  </si>
  <si>
    <t>Outside Stakeholder purview
REP Certification Rule addressed by NPRR1073 &amp; 1067.
Commission Staff reviewing 25.107 for policy considerations for "mass transition event" as it does not address "default"
HB4492, Subchapter M clarifies Uplift process allocated to new MPs.</t>
  </si>
  <si>
    <r>
      <t xml:space="preserve">RMS update to TAC:
TDSPs do not cancel &amp; rebill Demand for C&amp;I customers unless otherwise directed by the PUCT. 
Addressed within TDSP AMS Data Practices Addendum for Prolonged, Widespread Outage.
</t>
    </r>
    <r>
      <rPr>
        <b/>
        <sz val="11"/>
        <color rgb="FFFF0000"/>
        <rFont val="Calibri"/>
        <family val="2"/>
        <scheme val="minor"/>
      </rPr>
      <t>Requesting TAC approval to mark #125 as "complete"</t>
    </r>
  </si>
  <si>
    <r>
      <t xml:space="preserve">RMS Update to TAC:
Addressed within TDSP AMS Data Practices Addendum for Prolonged, Widespread Outage.
</t>
    </r>
    <r>
      <rPr>
        <b/>
        <sz val="11"/>
        <color rgb="FFFF0000"/>
        <rFont val="Calibri"/>
        <family val="2"/>
        <scheme val="minor"/>
      </rPr>
      <t xml:space="preserve">
Requesting TAC approval to mark #126 as "complete"
</t>
    </r>
  </si>
  <si>
    <r>
      <t xml:space="preserve">10/27 RMS Update to TAC:
RMS approved updates to "TDSP AMS Data Practices Matrix" which provides further clarity of meter data expectations and related data practices during a prolonged, wide-spread outage event.
Posted to the RMS homepage Key Documents for better access and visibility.
</t>
    </r>
    <r>
      <rPr>
        <b/>
        <sz val="11"/>
        <color rgb="FFFF0000"/>
        <rFont val="Calibri"/>
        <family val="2"/>
        <scheme val="minor"/>
      </rPr>
      <t xml:space="preserve">Requesting TAC approval to mark #18 as "Complete".
</t>
    </r>
  </si>
  <si>
    <t>10/27 RMS update to TAC:
   - RMS to host 2021 Winter Preparedness Workshop on November 2nd to finalize 2021 workshop series.
   - Summer &amp; Winter Weather Preparedness Workshop series is a re-occuring annual RMS goal.</t>
  </si>
  <si>
    <t>10/27 RMS update to TAC:
RMGRR168, which modifies ERCOT system logic when handling Switches within 60 days of Mass Transition event, removes outdated market terminology and mitigates negative impacts experienced by Customers when a Switch is executed within 60 days following a Mass Transition event.
Tabled at RMS for review - expect un-tabling in Nov or Dec.</t>
  </si>
  <si>
    <t xml:space="preserve">10/27 RMS update to TAC:
RMS will consider the 2022 Retail and ListServ Market IT Services SLA  at November 2nd meeting -- includes SLO criteria for ListServ availability, maintenance &amp; release windows, and ERCOT market notification and reporting responsibilities.
</t>
  </si>
  <si>
    <t>Review of SLA language for after-hour issue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color theme="1"/>
      <name val="Calibri"/>
      <family val="2"/>
      <scheme val="minor"/>
    </font>
    <font>
      <b/>
      <sz val="11"/>
      <color theme="1"/>
      <name val="Calibri"/>
      <family val="2"/>
      <scheme val="minor"/>
    </font>
    <font>
      <sz val="9"/>
      <color indexed="81"/>
      <name val="Tahoma"/>
      <family val="2"/>
    </font>
    <font>
      <b/>
      <sz val="9"/>
      <color indexed="81"/>
      <name val="Tahoma"/>
      <family val="2"/>
    </font>
    <font>
      <b/>
      <sz val="11"/>
      <color rgb="FFFF0000"/>
      <name val="Calibri"/>
      <family val="2"/>
      <scheme val="minor"/>
    </font>
    <font>
      <b/>
      <sz val="11"/>
      <color theme="0"/>
      <name val="Calibri"/>
      <family val="2"/>
      <scheme val="minor"/>
    </font>
    <font>
      <sz val="11"/>
      <name val="Calibri"/>
      <family val="2"/>
      <scheme val="minor"/>
    </font>
    <font>
      <b/>
      <sz val="11"/>
      <color rgb="FF7030A0"/>
      <name val="Calibri"/>
      <family val="2"/>
      <scheme val="minor"/>
    </font>
    <font>
      <b/>
      <sz val="11"/>
      <color theme="4"/>
      <name val="Calibri"/>
      <family val="2"/>
      <scheme val="minor"/>
    </font>
    <font>
      <b/>
      <sz val="11"/>
      <color theme="5"/>
      <name val="Calibri"/>
      <family val="2"/>
      <scheme val="minor"/>
    </font>
    <font>
      <b/>
      <u/>
      <sz val="11"/>
      <color theme="1"/>
      <name val="Calibri"/>
      <family val="2"/>
      <scheme val="minor"/>
    </font>
  </fonts>
  <fills count="10">
    <fill>
      <patternFill patternType="none"/>
    </fill>
    <fill>
      <patternFill patternType="gray125"/>
    </fill>
    <fill>
      <patternFill patternType="solid">
        <fgColor theme="6" tint="0.79998168889431442"/>
        <bgColor indexed="64"/>
      </patternFill>
    </fill>
    <fill>
      <patternFill patternType="solid">
        <fgColor rgb="FFFFFF00"/>
        <bgColor indexed="64"/>
      </patternFill>
    </fill>
    <fill>
      <patternFill patternType="solid">
        <fgColor theme="2"/>
        <bgColor indexed="64"/>
      </patternFill>
    </fill>
    <fill>
      <patternFill patternType="solid">
        <fgColor theme="4"/>
        <bgColor indexed="64"/>
      </patternFill>
    </fill>
    <fill>
      <patternFill patternType="solid">
        <fgColor rgb="FF7030A0"/>
        <bgColor indexed="64"/>
      </patternFill>
    </fill>
    <fill>
      <patternFill patternType="solid">
        <fgColor rgb="FFFF0000"/>
        <bgColor indexed="64"/>
      </patternFill>
    </fill>
    <fill>
      <patternFill patternType="solid">
        <fgColor theme="5"/>
        <bgColor indexed="64"/>
      </patternFill>
    </fill>
    <fill>
      <patternFill patternType="gray0625"/>
    </fill>
  </fills>
  <borders count="3">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s>
  <cellStyleXfs count="1">
    <xf numFmtId="0" fontId="0" fillId="0" borderId="0"/>
  </cellStyleXfs>
  <cellXfs count="86">
    <xf numFmtId="0" fontId="0" fillId="0" borderId="0" xfId="0"/>
    <xf numFmtId="0" fontId="1" fillId="0" borderId="0" xfId="0" applyFont="1"/>
    <xf numFmtId="0" fontId="0" fillId="0" borderId="0" xfId="0" applyFont="1"/>
    <xf numFmtId="0" fontId="1" fillId="0" borderId="0" xfId="0" applyFont="1" applyFill="1" applyBorder="1" applyAlignment="1"/>
    <xf numFmtId="0" fontId="0" fillId="0" borderId="0" xfId="0" applyFill="1" applyBorder="1" applyAlignment="1"/>
    <xf numFmtId="0" fontId="0" fillId="0" borderId="0" xfId="0" applyAlignment="1">
      <alignment vertical="top" wrapText="1"/>
    </xf>
    <xf numFmtId="0" fontId="1" fillId="2" borderId="1" xfId="0" applyFont="1" applyFill="1" applyBorder="1" applyAlignment="1">
      <alignment horizontal="center" vertical="top"/>
    </xf>
    <xf numFmtId="0" fontId="1" fillId="2" borderId="1" xfId="0" applyFont="1" applyFill="1" applyBorder="1" applyAlignment="1">
      <alignment horizontal="center" vertical="top" wrapText="1"/>
    </xf>
    <xf numFmtId="0" fontId="1" fillId="4" borderId="1" xfId="0" applyFont="1" applyFill="1" applyBorder="1" applyAlignment="1">
      <alignment horizontal="center" vertical="top" wrapText="1"/>
    </xf>
    <xf numFmtId="0" fontId="1" fillId="2" borderId="2" xfId="0" applyFont="1" applyFill="1" applyBorder="1" applyAlignment="1">
      <alignment horizontal="center" vertical="top"/>
    </xf>
    <xf numFmtId="0" fontId="0" fillId="0" borderId="0" xfId="0" applyAlignment="1">
      <alignment vertical="top"/>
    </xf>
    <xf numFmtId="0" fontId="0" fillId="0" borderId="0" xfId="0" applyAlignment="1">
      <alignment horizontal="center" vertical="top"/>
    </xf>
    <xf numFmtId="0" fontId="0" fillId="3" borderId="0" xfId="0" applyFill="1" applyAlignment="1">
      <alignment horizontal="center" vertical="top" wrapText="1"/>
    </xf>
    <xf numFmtId="0" fontId="0" fillId="0" borderId="0" xfId="0" applyFill="1" applyAlignment="1">
      <alignment horizontal="center" vertical="top" wrapText="1"/>
    </xf>
    <xf numFmtId="0" fontId="0" fillId="0" borderId="0" xfId="0" applyAlignment="1">
      <alignment horizontal="center" vertical="top" wrapText="1"/>
    </xf>
    <xf numFmtId="0" fontId="0" fillId="0" borderId="0" xfId="0" applyFill="1" applyBorder="1" applyAlignment="1">
      <alignment horizontal="left" vertical="top" wrapText="1"/>
    </xf>
    <xf numFmtId="0" fontId="0" fillId="0" borderId="0" xfId="0" applyAlignment="1">
      <alignment horizontal="left" vertical="top" wrapText="1"/>
    </xf>
    <xf numFmtId="0" fontId="0" fillId="0" borderId="0" xfId="0" applyFill="1" applyAlignment="1">
      <alignment vertical="top" wrapText="1"/>
    </xf>
    <xf numFmtId="0" fontId="0" fillId="0" borderId="0" xfId="0" applyFill="1" applyAlignment="1">
      <alignment horizontal="center" vertical="top"/>
    </xf>
    <xf numFmtId="0" fontId="0" fillId="0" borderId="0" xfId="0" applyFill="1" applyAlignment="1">
      <alignment horizontal="left" vertical="top" wrapText="1"/>
    </xf>
    <xf numFmtId="0" fontId="4" fillId="0" borderId="0" xfId="0" applyFont="1" applyAlignment="1">
      <alignment horizontal="center" vertical="top" wrapText="1"/>
    </xf>
    <xf numFmtId="0" fontId="4" fillId="0" borderId="0" xfId="0" applyFont="1" applyFill="1" applyAlignment="1">
      <alignment horizontal="center" vertical="top" wrapText="1"/>
    </xf>
    <xf numFmtId="0" fontId="7" fillId="0" borderId="0" xfId="0" applyFont="1" applyAlignment="1">
      <alignment horizontal="center" vertical="top" wrapText="1"/>
    </xf>
    <xf numFmtId="0" fontId="7" fillId="0" borderId="0" xfId="0" applyFont="1" applyFill="1" applyAlignment="1">
      <alignment horizontal="center" vertical="top" wrapText="1"/>
    </xf>
    <xf numFmtId="0" fontId="6" fillId="0" borderId="1" xfId="0" applyFont="1" applyFill="1" applyBorder="1" applyAlignment="1">
      <alignment horizontal="left" vertical="top" wrapText="1"/>
    </xf>
    <xf numFmtId="0" fontId="4" fillId="0" borderId="0" xfId="0" applyFont="1" applyAlignment="1">
      <alignment vertical="top" wrapText="1"/>
    </xf>
    <xf numFmtId="0" fontId="6" fillId="0" borderId="0" xfId="0" applyFont="1" applyFill="1" applyAlignment="1">
      <alignment horizontal="center" vertical="top" wrapText="1"/>
    </xf>
    <xf numFmtId="0" fontId="6" fillId="0" borderId="0" xfId="0" applyFont="1" applyFill="1" applyAlignment="1">
      <alignment vertical="top" wrapText="1"/>
    </xf>
    <xf numFmtId="0" fontId="6" fillId="0" borderId="0" xfId="0" applyFont="1" applyAlignment="1">
      <alignment horizontal="center" vertical="top" wrapText="1"/>
    </xf>
    <xf numFmtId="0" fontId="6" fillId="0" borderId="0" xfId="0" applyFont="1" applyFill="1" applyBorder="1" applyAlignment="1">
      <alignment horizontal="left" vertical="top" wrapText="1"/>
    </xf>
    <xf numFmtId="0" fontId="5" fillId="6" borderId="1" xfId="0" applyFont="1" applyFill="1" applyBorder="1" applyAlignment="1">
      <alignment horizontal="center" vertical="top" wrapText="1"/>
    </xf>
    <xf numFmtId="0" fontId="8" fillId="0" borderId="0" xfId="0" applyFont="1" applyAlignment="1">
      <alignment vertical="top"/>
    </xf>
    <xf numFmtId="0" fontId="8" fillId="0" borderId="0" xfId="0" applyFont="1" applyAlignment="1">
      <alignment vertical="top" wrapText="1"/>
    </xf>
    <xf numFmtId="0" fontId="8" fillId="0" borderId="0" xfId="0" applyFont="1" applyAlignment="1">
      <alignment horizontal="center" vertical="top" wrapText="1"/>
    </xf>
    <xf numFmtId="0" fontId="8" fillId="0" borderId="0" xfId="0" applyFont="1" applyFill="1" applyAlignment="1">
      <alignment horizontal="center" vertical="top" wrapText="1"/>
    </xf>
    <xf numFmtId="0" fontId="5" fillId="7" borderId="0" xfId="0" applyFont="1" applyFill="1" applyAlignment="1">
      <alignment vertical="top" wrapText="1"/>
    </xf>
    <xf numFmtId="0" fontId="1" fillId="0" borderId="0" xfId="0" applyFont="1" applyAlignment="1">
      <alignment horizontal="center" vertical="top" wrapText="1"/>
    </xf>
    <xf numFmtId="0" fontId="1" fillId="0" borderId="0" xfId="0" applyFont="1" applyAlignment="1">
      <alignment vertical="top"/>
    </xf>
    <xf numFmtId="0" fontId="9" fillId="0" borderId="0" xfId="0" applyFont="1" applyAlignment="1">
      <alignment vertical="top" wrapText="1"/>
    </xf>
    <xf numFmtId="0" fontId="1" fillId="0" borderId="0" xfId="0" applyFont="1" applyAlignment="1">
      <alignment vertical="top" wrapText="1"/>
    </xf>
    <xf numFmtId="0" fontId="0" fillId="0" borderId="0" xfId="0" applyAlignment="1">
      <alignment wrapText="1"/>
    </xf>
    <xf numFmtId="0" fontId="10" fillId="0" borderId="0" xfId="0" applyFont="1"/>
    <xf numFmtId="0" fontId="8" fillId="0" borderId="0" xfId="0" applyFont="1" applyAlignment="1">
      <alignment horizontal="center" vertical="top"/>
    </xf>
    <xf numFmtId="0" fontId="5" fillId="5" borderId="0" xfId="0" applyFont="1" applyFill="1" applyAlignment="1">
      <alignment horizontal="center" vertical="top"/>
    </xf>
    <xf numFmtId="0" fontId="1" fillId="0" borderId="0" xfId="0" applyFont="1" applyAlignment="1">
      <alignment horizontal="center" vertical="top"/>
    </xf>
    <xf numFmtId="0" fontId="8" fillId="0" borderId="0" xfId="0" applyFont="1" applyFill="1" applyAlignment="1">
      <alignment vertical="top"/>
    </xf>
    <xf numFmtId="0" fontId="0" fillId="0" borderId="0" xfId="0" applyFill="1" applyAlignment="1">
      <alignment vertical="top"/>
    </xf>
    <xf numFmtId="0" fontId="1" fillId="0" borderId="0" xfId="0" applyFont="1" applyFill="1" applyAlignment="1">
      <alignment horizontal="center" vertical="top"/>
    </xf>
    <xf numFmtId="0" fontId="1" fillId="0" borderId="0" xfId="0" applyFont="1" applyFill="1" applyAlignment="1">
      <alignment vertical="top" wrapText="1"/>
    </xf>
    <xf numFmtId="0" fontId="6" fillId="0" borderId="0" xfId="0" applyFont="1" applyFill="1" applyAlignment="1">
      <alignment horizontal="center" vertical="top"/>
    </xf>
    <xf numFmtId="0" fontId="0" fillId="4" borderId="0" xfId="0" applyFill="1" applyAlignment="1">
      <alignment horizontal="center" vertical="top" wrapText="1"/>
    </xf>
    <xf numFmtId="0" fontId="0" fillId="4" borderId="0" xfId="0" applyFill="1" applyBorder="1" applyAlignment="1">
      <alignment horizontal="left" vertical="top" wrapText="1"/>
    </xf>
    <xf numFmtId="0" fontId="0" fillId="4" borderId="0" xfId="0" applyFill="1" applyAlignment="1">
      <alignment horizontal="center" vertical="top"/>
    </xf>
    <xf numFmtId="0" fontId="0" fillId="4" borderId="0" xfId="0" applyFill="1" applyAlignment="1">
      <alignment vertical="top" wrapText="1"/>
    </xf>
    <xf numFmtId="0" fontId="7" fillId="4" borderId="0" xfId="0" applyFont="1" applyFill="1" applyAlignment="1">
      <alignment horizontal="center" vertical="top" wrapText="1"/>
    </xf>
    <xf numFmtId="0" fontId="8" fillId="4" borderId="0" xfId="0" applyFont="1" applyFill="1" applyAlignment="1">
      <alignment horizontal="center" vertical="top" wrapText="1"/>
    </xf>
    <xf numFmtId="0" fontId="9" fillId="4" borderId="0" xfId="0" applyFont="1" applyFill="1" applyAlignment="1">
      <alignment horizontal="center" vertical="top" wrapText="1"/>
    </xf>
    <xf numFmtId="0" fontId="0" fillId="9" borderId="0" xfId="0" applyFill="1" applyAlignment="1">
      <alignment horizontal="center" vertical="top" wrapText="1"/>
    </xf>
    <xf numFmtId="0" fontId="0" fillId="9" borderId="0" xfId="0" applyFill="1" applyBorder="1" applyAlignment="1">
      <alignment horizontal="left" vertical="top" wrapText="1"/>
    </xf>
    <xf numFmtId="0" fontId="0" fillId="9" borderId="0" xfId="0" applyFill="1" applyAlignment="1">
      <alignment horizontal="center" vertical="top"/>
    </xf>
    <xf numFmtId="0" fontId="0" fillId="9" borderId="0" xfId="0" applyFill="1" applyAlignment="1">
      <alignment vertical="top" wrapText="1"/>
    </xf>
    <xf numFmtId="0" fontId="7" fillId="9" borderId="0" xfId="0" applyFont="1" applyFill="1" applyAlignment="1">
      <alignment horizontal="center" vertical="top" wrapText="1"/>
    </xf>
    <xf numFmtId="0" fontId="8" fillId="9" borderId="0" xfId="0" applyFont="1" applyFill="1" applyAlignment="1">
      <alignment horizontal="center" vertical="top"/>
    </xf>
    <xf numFmtId="0" fontId="8" fillId="9" borderId="0" xfId="0" applyFont="1" applyFill="1" applyAlignment="1">
      <alignment vertical="top"/>
    </xf>
    <xf numFmtId="0" fontId="1" fillId="9" borderId="0" xfId="0" applyFont="1" applyFill="1" applyAlignment="1">
      <alignment vertical="top" wrapText="1"/>
    </xf>
    <xf numFmtId="0" fontId="8" fillId="9" borderId="0" xfId="0" applyFont="1" applyFill="1" applyAlignment="1">
      <alignment horizontal="center" vertical="top" wrapText="1"/>
    </xf>
    <xf numFmtId="0" fontId="8" fillId="9" borderId="0" xfId="0" applyFont="1" applyFill="1" applyAlignment="1">
      <alignment vertical="top" wrapText="1"/>
    </xf>
    <xf numFmtId="0" fontId="4" fillId="9" borderId="0" xfId="0" applyFont="1" applyFill="1" applyAlignment="1">
      <alignment vertical="top" wrapText="1"/>
    </xf>
    <xf numFmtId="0" fontId="10" fillId="4" borderId="0" xfId="0" applyFont="1" applyFill="1" applyAlignment="1">
      <alignment horizontal="center" vertical="top" wrapText="1"/>
    </xf>
    <xf numFmtId="0" fontId="8" fillId="4" borderId="0" xfId="0" applyFont="1" applyFill="1" applyAlignment="1">
      <alignment vertical="top"/>
    </xf>
    <xf numFmtId="0" fontId="1" fillId="4" borderId="0" xfId="0" applyFont="1" applyFill="1" applyAlignment="1">
      <alignment horizontal="center" vertical="top"/>
    </xf>
    <xf numFmtId="0" fontId="1" fillId="4" borderId="0" xfId="0" applyFont="1" applyFill="1" applyAlignment="1">
      <alignment vertical="top"/>
    </xf>
    <xf numFmtId="0" fontId="0" fillId="4" borderId="0" xfId="0" applyFill="1" applyAlignment="1">
      <alignment horizontal="left" vertical="top" wrapText="1"/>
    </xf>
    <xf numFmtId="0" fontId="9" fillId="4" borderId="0" xfId="0" applyFont="1" applyFill="1" applyAlignment="1">
      <alignment vertical="top" wrapText="1"/>
    </xf>
    <xf numFmtId="0" fontId="8" fillId="4" borderId="0" xfId="0" applyFont="1" applyFill="1" applyAlignment="1">
      <alignment horizontal="center" vertical="top"/>
    </xf>
    <xf numFmtId="0" fontId="1" fillId="4" borderId="0" xfId="0" applyFont="1" applyFill="1" applyAlignment="1">
      <alignment vertical="top" wrapText="1"/>
    </xf>
    <xf numFmtId="0" fontId="8" fillId="4" borderId="0" xfId="0" applyFont="1" applyFill="1" applyAlignment="1">
      <alignment vertical="top" wrapText="1"/>
    </xf>
    <xf numFmtId="0" fontId="6" fillId="4" borderId="0" xfId="0" applyFont="1" applyFill="1" applyAlignment="1">
      <alignment horizontal="center" vertical="top" wrapText="1"/>
    </xf>
    <xf numFmtId="0" fontId="6" fillId="4" borderId="0" xfId="0" applyFont="1" applyFill="1" applyAlignment="1">
      <alignment vertical="top" wrapText="1"/>
    </xf>
    <xf numFmtId="0" fontId="4" fillId="4" borderId="0" xfId="0" applyFont="1" applyFill="1" applyAlignment="1">
      <alignment horizontal="center" vertical="top" wrapText="1"/>
    </xf>
    <xf numFmtId="0" fontId="4" fillId="0" borderId="0" xfId="0" applyFont="1" applyFill="1" applyAlignment="1">
      <alignment vertical="top" wrapText="1"/>
    </xf>
    <xf numFmtId="0" fontId="1" fillId="2" borderId="1" xfId="0" applyFont="1" applyFill="1" applyBorder="1" applyAlignment="1">
      <alignment horizontal="center" vertical="center" wrapText="1"/>
    </xf>
    <xf numFmtId="0" fontId="1" fillId="2" borderId="1" xfId="0" applyFont="1" applyFill="1" applyBorder="1" applyAlignment="1">
      <alignment horizontal="center" vertical="center"/>
    </xf>
    <xf numFmtId="0" fontId="1" fillId="2" borderId="2" xfId="0" applyFont="1" applyFill="1" applyBorder="1" applyAlignment="1">
      <alignment horizontal="center" vertical="center" wrapText="1"/>
    </xf>
    <xf numFmtId="0" fontId="5" fillId="8" borderId="0" xfId="0" applyFont="1" applyFill="1" applyAlignment="1">
      <alignment horizontal="center" vertical="center" wrapText="1"/>
    </xf>
    <xf numFmtId="0" fontId="0" fillId="0" borderId="0" xfId="0" applyAlignment="1">
      <alignment horizontal="center" vertical="center"/>
    </xf>
  </cellXfs>
  <cellStyles count="1">
    <cellStyle name="Normal" xfId="0" builtinId="0"/>
  </cellStyles>
  <dxfs count="4">
    <dxf>
      <fill>
        <patternFill patternType="none">
          <fgColor indexed="64"/>
          <bgColor indexed="65"/>
        </patternFill>
      </fill>
      <alignment horizontal="general" vertical="bottom" textRotation="0" wrapText="0" indent="0" justifyLastLine="0" shrinkToFit="0" readingOrder="0"/>
    </dxf>
    <dxf>
      <fill>
        <patternFill patternType="none">
          <fgColor indexed="64"/>
          <bgColor indexed="65"/>
        </patternFill>
      </fill>
      <alignment horizontal="general" vertical="bottom" textRotation="0" wrapText="0" indent="0" justifyLastLine="0" shrinkToFit="0" readingOrder="0"/>
    </dxf>
    <dxf>
      <font>
        <b/>
        <i val="0"/>
        <strike val="0"/>
        <condense val="0"/>
        <extend val="0"/>
        <outline val="0"/>
        <shadow val="0"/>
        <u val="none"/>
        <vertAlign val="baseline"/>
        <sz val="11"/>
        <color theme="1"/>
        <name val="Calibri"/>
        <scheme val="minor"/>
      </font>
      <fill>
        <patternFill patternType="none">
          <fgColor indexed="64"/>
          <bgColor indexed="65"/>
        </patternFill>
      </fill>
      <alignment horizontal="general" vertical="bottom" textRotation="0" wrapText="0" indent="0" justifyLastLine="0" shrinkToFit="0" readingOrder="0"/>
    </dxf>
    <dxf>
      <font>
        <b/>
        <i val="0"/>
        <strike val="0"/>
        <condense val="0"/>
        <extend val="0"/>
        <outline val="0"/>
        <shadow val="0"/>
        <u val="none"/>
        <vertAlign val="baseline"/>
        <sz val="11"/>
        <color theme="1"/>
        <name val="Calibri"/>
        <scheme val="minor"/>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ables/table1.xml><?xml version="1.0" encoding="utf-8"?>
<table xmlns="http://schemas.openxmlformats.org/spreadsheetml/2006/main" id="1" name="Owner" displayName="Owner" ref="A1:A11" totalsRowShown="0" headerRowDxfId="3">
  <autoFilter ref="A1:A11"/>
  <sortState ref="A2:A6">
    <sortCondition ref="A6"/>
  </sortState>
  <tableColumns count="1">
    <tableColumn id="1" name="Owners"/>
  </tableColumns>
  <tableStyleInfo name="TableStyleMedium2" showFirstColumn="0" showLastColumn="0" showRowStripes="1" showColumnStripes="0"/>
</table>
</file>

<file path=xl/tables/table2.xml><?xml version="1.0" encoding="utf-8"?>
<table xmlns="http://schemas.openxmlformats.org/spreadsheetml/2006/main" id="3" name="TACPriority" displayName="TACPriority" ref="A13:A16" totalsRowShown="0">
  <autoFilter ref="A13:A16"/>
  <tableColumns count="1">
    <tableColumn id="1" name="TACPriority"/>
  </tableColumns>
  <tableStyleInfo name="TableStyleMedium2" showFirstColumn="0" showLastColumn="0" showRowStripes="1" showColumnStripes="0"/>
</table>
</file>

<file path=xl/tables/table3.xml><?xml version="1.0" encoding="utf-8"?>
<table xmlns="http://schemas.openxmlformats.org/spreadsheetml/2006/main" id="4" name="Status" displayName="Status" ref="A18:A23" totalsRowShown="0">
  <autoFilter ref="A18:A23"/>
  <tableColumns count="1">
    <tableColumn id="1" name="Status"/>
  </tableColumns>
  <tableStyleInfo name="TableStyleMedium2" showFirstColumn="0" showLastColumn="0" showRowStripes="1" showColumnStripes="0"/>
</table>
</file>

<file path=xl/tables/table4.xml><?xml version="1.0" encoding="utf-8"?>
<table xmlns="http://schemas.openxmlformats.org/spreadsheetml/2006/main" id="5" name="Timing" displayName="Timing" ref="A25:A30" totalsRowShown="0" headerRowDxfId="2" dataDxfId="1">
  <autoFilter ref="A25:A30"/>
  <tableColumns count="1">
    <tableColumn id="1" name="Timing" dataDxfId="0"/>
  </tableColumns>
  <tableStyleInfo name="TableStyleMedium2" showFirstColumn="0" showLastColumn="0" showRowStripes="1" showColumnStripes="0"/>
</table>
</file>

<file path=xl/tables/table5.xml><?xml version="1.0" encoding="utf-8"?>
<table xmlns="http://schemas.openxmlformats.org/spreadsheetml/2006/main" id="6" name="Categories" displayName="Categories" ref="A32:A43" totalsRowShown="0">
  <autoFilter ref="A32:A43"/>
  <tableColumns count="1">
    <tableColumn id="1" name="Category"/>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table" Target="../tables/table3.xml"/><Relationship Id="rId2" Type="http://schemas.openxmlformats.org/officeDocument/2006/relationships/table" Target="../tables/table2.xml"/><Relationship Id="rId1" Type="http://schemas.openxmlformats.org/officeDocument/2006/relationships/table" Target="../tables/table1.xml"/><Relationship Id="rId5" Type="http://schemas.openxmlformats.org/officeDocument/2006/relationships/table" Target="../tables/table5.xml"/><Relationship Id="rId4" Type="http://schemas.openxmlformats.org/officeDocument/2006/relationships/table" Target="../tables/table4.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filterMode="1"/>
  <dimension ref="A1:P1380"/>
  <sheetViews>
    <sheetView tabSelected="1" topLeftCell="D1" zoomScaleNormal="100" workbookViewId="0">
      <pane ySplit="1" topLeftCell="A2" activePane="bottomLeft" state="frozen"/>
      <selection pane="bottomLeft" activeCell="D1" sqref="D1"/>
    </sheetView>
  </sheetViews>
  <sheetFormatPr defaultColWidth="8.88671875" defaultRowHeight="14.4" x14ac:dyDescent="0.3"/>
  <cols>
    <col min="1" max="1" width="6.5546875" style="11" hidden="1" customWidth="1"/>
    <col min="2" max="3" width="15.33203125" style="14" hidden="1" customWidth="1"/>
    <col min="4" max="4" width="12.44140625" style="14" customWidth="1"/>
    <col min="5" max="5" width="15.33203125" style="14" hidden="1" customWidth="1"/>
    <col min="6" max="6" width="26.77734375" style="16" customWidth="1"/>
    <col min="7" max="7" width="23" style="14" customWidth="1"/>
    <col min="8" max="8" width="14.6640625" style="11" bestFit="1" customWidth="1"/>
    <col min="9" max="9" width="11.44140625" style="11" hidden="1" customWidth="1"/>
    <col min="10" max="10" width="12.6640625" style="14" customWidth="1"/>
    <col min="11" max="11" width="16.21875" style="5" customWidth="1"/>
    <col min="12" max="12" width="30.5546875" style="36" hidden="1" customWidth="1"/>
    <col min="13" max="13" width="19.5546875" style="11" hidden="1" customWidth="1"/>
    <col min="14" max="14" width="27.5546875" style="44" hidden="1" customWidth="1"/>
    <col min="15" max="15" width="54.33203125" style="39" customWidth="1"/>
    <col min="16" max="16" width="25.5546875" style="5" hidden="1" customWidth="1"/>
    <col min="17" max="16384" width="8.88671875" style="10"/>
  </cols>
  <sheetData>
    <row r="1" spans="1:16" s="85" customFormat="1" ht="20.399999999999999" customHeight="1" x14ac:dyDescent="0.3">
      <c r="A1" s="6" t="s">
        <v>8</v>
      </c>
      <c r="B1" s="7" t="s">
        <v>3</v>
      </c>
      <c r="C1" s="7" t="s">
        <v>37</v>
      </c>
      <c r="D1" s="81" t="s">
        <v>179</v>
      </c>
      <c r="E1" s="8" t="s">
        <v>162</v>
      </c>
      <c r="F1" s="81" t="s">
        <v>9</v>
      </c>
      <c r="G1" s="81" t="s">
        <v>4</v>
      </c>
      <c r="H1" s="82" t="s">
        <v>2</v>
      </c>
      <c r="I1" s="6" t="s">
        <v>5</v>
      </c>
      <c r="J1" s="81" t="s">
        <v>6</v>
      </c>
      <c r="K1" s="83" t="s">
        <v>152</v>
      </c>
      <c r="L1" s="30" t="s">
        <v>198</v>
      </c>
      <c r="M1" s="9" t="s">
        <v>151</v>
      </c>
      <c r="N1" s="43" t="s">
        <v>199</v>
      </c>
      <c r="O1" s="84" t="s">
        <v>200</v>
      </c>
      <c r="P1" s="35" t="s">
        <v>186</v>
      </c>
    </row>
    <row r="2" spans="1:16" ht="115.2" hidden="1" x14ac:dyDescent="0.3">
      <c r="A2" s="11">
        <v>111</v>
      </c>
      <c r="B2" s="12" t="s">
        <v>24</v>
      </c>
      <c r="C2" s="12"/>
      <c r="D2" s="13">
        <v>1</v>
      </c>
      <c r="E2" s="13" t="s">
        <v>23</v>
      </c>
      <c r="F2" s="24" t="s">
        <v>137</v>
      </c>
      <c r="G2" s="14" t="s">
        <v>140</v>
      </c>
      <c r="J2" s="14" t="s">
        <v>197</v>
      </c>
      <c r="K2" s="17" t="s">
        <v>165</v>
      </c>
      <c r="L2" s="20"/>
      <c r="O2" s="37"/>
      <c r="P2" s="5" t="s">
        <v>278</v>
      </c>
    </row>
    <row r="3" spans="1:16" ht="86.4" hidden="1" x14ac:dyDescent="0.3">
      <c r="A3" s="11">
        <v>112</v>
      </c>
      <c r="B3" s="12" t="s">
        <v>24</v>
      </c>
      <c r="C3" s="12"/>
      <c r="D3" s="13">
        <v>2</v>
      </c>
      <c r="E3" s="13" t="s">
        <v>23</v>
      </c>
      <c r="F3" s="24" t="s">
        <v>138</v>
      </c>
      <c r="G3" s="14" t="s">
        <v>140</v>
      </c>
      <c r="J3" s="14" t="s">
        <v>197</v>
      </c>
      <c r="K3" s="17" t="s">
        <v>166</v>
      </c>
      <c r="L3" s="20"/>
      <c r="O3" s="37"/>
      <c r="P3" s="5" t="s">
        <v>278</v>
      </c>
    </row>
    <row r="4" spans="1:16" ht="100.8" hidden="1" x14ac:dyDescent="0.3">
      <c r="A4" s="11">
        <v>114</v>
      </c>
      <c r="B4" s="12" t="s">
        <v>57</v>
      </c>
      <c r="C4" s="12"/>
      <c r="D4" s="13">
        <v>3</v>
      </c>
      <c r="E4" s="13" t="s">
        <v>23</v>
      </c>
      <c r="F4" s="15" t="s">
        <v>139</v>
      </c>
      <c r="G4" s="14" t="s">
        <v>134</v>
      </c>
      <c r="H4" s="11" t="s">
        <v>11</v>
      </c>
      <c r="I4" s="11" t="s">
        <v>15</v>
      </c>
      <c r="J4" s="14" t="s">
        <v>20</v>
      </c>
      <c r="K4" s="17"/>
      <c r="N4" s="33" t="s">
        <v>190</v>
      </c>
      <c r="O4" s="32"/>
    </row>
    <row r="5" spans="1:16" ht="201.6" hidden="1" x14ac:dyDescent="0.3">
      <c r="A5" s="11">
        <v>93</v>
      </c>
      <c r="C5" s="14" t="s">
        <v>124</v>
      </c>
      <c r="D5" s="14">
        <v>4</v>
      </c>
      <c r="E5" s="13" t="s">
        <v>136</v>
      </c>
      <c r="F5" s="15" t="s">
        <v>120</v>
      </c>
      <c r="G5" s="14" t="s">
        <v>135</v>
      </c>
      <c r="H5" s="11" t="s">
        <v>18</v>
      </c>
      <c r="J5" s="14" t="s">
        <v>197</v>
      </c>
      <c r="K5" s="17" t="s">
        <v>167</v>
      </c>
      <c r="L5" s="23" t="s">
        <v>239</v>
      </c>
      <c r="M5" s="11" t="s">
        <v>148</v>
      </c>
      <c r="O5" s="37"/>
    </row>
    <row r="6" spans="1:16" ht="144" hidden="1" x14ac:dyDescent="0.3">
      <c r="A6" s="11">
        <v>98</v>
      </c>
      <c r="C6" s="14" t="s">
        <v>131</v>
      </c>
      <c r="D6" s="14">
        <v>5</v>
      </c>
      <c r="E6" s="13" t="s">
        <v>136</v>
      </c>
      <c r="F6" s="15" t="s">
        <v>222</v>
      </c>
      <c r="G6" s="14" t="s">
        <v>134</v>
      </c>
      <c r="H6" s="11" t="s">
        <v>18</v>
      </c>
      <c r="J6" s="14" t="s">
        <v>20</v>
      </c>
      <c r="K6" s="17"/>
      <c r="L6" s="23" t="s">
        <v>268</v>
      </c>
      <c r="M6" s="11" t="s">
        <v>144</v>
      </c>
      <c r="O6" s="37"/>
      <c r="P6" s="25" t="s">
        <v>266</v>
      </c>
    </row>
    <row r="7" spans="1:16" ht="57.6" hidden="1" x14ac:dyDescent="0.3">
      <c r="A7" s="11">
        <v>99</v>
      </c>
      <c r="C7" s="14" t="s">
        <v>131</v>
      </c>
      <c r="D7" s="14">
        <v>6</v>
      </c>
      <c r="E7" s="13" t="s">
        <v>136</v>
      </c>
      <c r="F7" s="15" t="s">
        <v>130</v>
      </c>
      <c r="G7" s="14" t="s">
        <v>134</v>
      </c>
      <c r="H7" s="11" t="s">
        <v>18</v>
      </c>
      <c r="J7" s="14" t="s">
        <v>20</v>
      </c>
      <c r="K7" s="17"/>
      <c r="L7" s="23" t="s">
        <v>269</v>
      </c>
      <c r="M7" s="11" t="s">
        <v>149</v>
      </c>
      <c r="O7" s="37"/>
      <c r="P7" s="25" t="s">
        <v>267</v>
      </c>
    </row>
    <row r="8" spans="1:16" ht="72" hidden="1" x14ac:dyDescent="0.3">
      <c r="A8" s="11">
        <v>100</v>
      </c>
      <c r="C8" s="14" t="s">
        <v>131</v>
      </c>
      <c r="D8" s="14">
        <v>7</v>
      </c>
      <c r="E8" s="13" t="s">
        <v>136</v>
      </c>
      <c r="F8" s="15" t="s">
        <v>125</v>
      </c>
      <c r="G8" s="14" t="s">
        <v>134</v>
      </c>
      <c r="H8" s="11" t="s">
        <v>141</v>
      </c>
      <c r="J8" s="14" t="s">
        <v>20</v>
      </c>
      <c r="K8" s="17"/>
      <c r="L8" s="23" t="s">
        <v>187</v>
      </c>
      <c r="M8" s="11" t="s">
        <v>150</v>
      </c>
      <c r="N8" s="42" t="s">
        <v>189</v>
      </c>
      <c r="O8" s="31"/>
      <c r="P8" s="25" t="s">
        <v>270</v>
      </c>
    </row>
    <row r="9" spans="1:16" ht="93" customHeight="1" x14ac:dyDescent="0.3">
      <c r="A9" s="11">
        <v>20</v>
      </c>
      <c r="B9" s="14" t="s">
        <v>49</v>
      </c>
      <c r="C9" s="14" t="s">
        <v>51</v>
      </c>
      <c r="D9" s="14">
        <v>8</v>
      </c>
      <c r="E9" s="14" t="s">
        <v>10</v>
      </c>
      <c r="F9" s="15" t="s">
        <v>50</v>
      </c>
      <c r="G9" s="14" t="s">
        <v>7</v>
      </c>
      <c r="H9" s="11" t="s">
        <v>10</v>
      </c>
      <c r="J9" s="14" t="s">
        <v>20</v>
      </c>
      <c r="K9" s="17" t="s">
        <v>156</v>
      </c>
      <c r="L9" s="22"/>
      <c r="O9" s="38" t="s">
        <v>336</v>
      </c>
    </row>
    <row r="10" spans="1:16" ht="28.8" hidden="1" x14ac:dyDescent="0.3">
      <c r="A10" s="11">
        <v>5</v>
      </c>
      <c r="B10" s="14" t="s">
        <v>24</v>
      </c>
      <c r="C10" s="14" t="s">
        <v>35</v>
      </c>
      <c r="D10" s="14">
        <v>9</v>
      </c>
      <c r="E10" s="14" t="s">
        <v>10</v>
      </c>
      <c r="F10" s="15" t="s">
        <v>27</v>
      </c>
      <c r="G10" s="14" t="s">
        <v>1</v>
      </c>
      <c r="J10" s="14" t="s">
        <v>19</v>
      </c>
      <c r="K10" s="17" t="s">
        <v>156</v>
      </c>
      <c r="L10" s="22"/>
      <c r="O10" s="37"/>
    </row>
    <row r="11" spans="1:16" ht="43.2" x14ac:dyDescent="0.3">
      <c r="A11" s="11">
        <v>3</v>
      </c>
      <c r="B11" s="14" t="s">
        <v>24</v>
      </c>
      <c r="C11" s="14" t="s">
        <v>35</v>
      </c>
      <c r="D11" s="14">
        <v>10</v>
      </c>
      <c r="E11" s="14" t="s">
        <v>10</v>
      </c>
      <c r="F11" s="16" t="s">
        <v>26</v>
      </c>
      <c r="G11" s="14" t="s">
        <v>140</v>
      </c>
      <c r="H11" s="11" t="s">
        <v>10</v>
      </c>
      <c r="J11" s="14" t="s">
        <v>197</v>
      </c>
      <c r="K11" s="17" t="s">
        <v>168</v>
      </c>
      <c r="L11" s="22"/>
      <c r="O11" s="38" t="s">
        <v>140</v>
      </c>
    </row>
    <row r="12" spans="1:16" ht="43.2" x14ac:dyDescent="0.3">
      <c r="A12" s="11">
        <v>6</v>
      </c>
      <c r="B12" s="14" t="s">
        <v>24</v>
      </c>
      <c r="C12" s="14" t="s">
        <v>35</v>
      </c>
      <c r="D12" s="14">
        <v>11</v>
      </c>
      <c r="E12" s="14" t="s">
        <v>10</v>
      </c>
      <c r="F12" s="15" t="s">
        <v>29</v>
      </c>
      <c r="G12" s="14" t="s">
        <v>140</v>
      </c>
      <c r="H12" s="11" t="s">
        <v>142</v>
      </c>
      <c r="J12" s="14" t="s">
        <v>197</v>
      </c>
      <c r="K12" s="17" t="s">
        <v>168</v>
      </c>
      <c r="L12" s="23"/>
      <c r="O12" s="38" t="s">
        <v>140</v>
      </c>
    </row>
    <row r="13" spans="1:16" ht="129.6" hidden="1" x14ac:dyDescent="0.3">
      <c r="A13" s="11">
        <v>12</v>
      </c>
      <c r="B13" s="14" t="s">
        <v>24</v>
      </c>
      <c r="C13" s="14" t="s">
        <v>45</v>
      </c>
      <c r="D13" s="14">
        <v>12</v>
      </c>
      <c r="E13" s="14" t="s">
        <v>10</v>
      </c>
      <c r="F13" s="15" t="s">
        <v>46</v>
      </c>
      <c r="G13" s="14" t="s">
        <v>140</v>
      </c>
      <c r="H13" s="18" t="s">
        <v>11</v>
      </c>
      <c r="J13" s="14" t="s">
        <v>19</v>
      </c>
      <c r="K13" s="17" t="s">
        <v>168</v>
      </c>
      <c r="L13" s="22"/>
      <c r="N13" s="42" t="s">
        <v>256</v>
      </c>
      <c r="O13" s="38" t="s">
        <v>263</v>
      </c>
    </row>
    <row r="14" spans="1:16" ht="57.6" hidden="1" x14ac:dyDescent="0.3">
      <c r="A14" s="11">
        <v>16</v>
      </c>
      <c r="B14" s="14" t="s">
        <v>38</v>
      </c>
      <c r="C14" s="14" t="s">
        <v>47</v>
      </c>
      <c r="D14" s="50">
        <v>13</v>
      </c>
      <c r="E14" s="50" t="s">
        <v>10</v>
      </c>
      <c r="F14" s="51" t="s">
        <v>48</v>
      </c>
      <c r="G14" s="50" t="s">
        <v>135</v>
      </c>
      <c r="H14" s="52" t="s">
        <v>23</v>
      </c>
      <c r="I14" s="52"/>
      <c r="J14" s="68" t="s">
        <v>22</v>
      </c>
      <c r="K14" s="53" t="s">
        <v>168</v>
      </c>
      <c r="L14" s="54"/>
      <c r="M14" s="52"/>
      <c r="N14" s="70"/>
      <c r="O14" s="71"/>
      <c r="P14" s="53" t="s">
        <v>280</v>
      </c>
    </row>
    <row r="15" spans="1:16" ht="115.2" x14ac:dyDescent="0.3">
      <c r="A15" s="11">
        <v>1</v>
      </c>
      <c r="B15" s="14" t="s">
        <v>24</v>
      </c>
      <c r="C15" s="14" t="s">
        <v>25</v>
      </c>
      <c r="D15" s="50">
        <v>14</v>
      </c>
      <c r="E15" s="50" t="s">
        <v>10</v>
      </c>
      <c r="F15" s="72" t="s">
        <v>223</v>
      </c>
      <c r="G15" s="50" t="s">
        <v>134</v>
      </c>
      <c r="H15" s="52" t="s">
        <v>10</v>
      </c>
      <c r="I15" s="52"/>
      <c r="J15" s="68" t="s">
        <v>22</v>
      </c>
      <c r="K15" s="53" t="s">
        <v>168</v>
      </c>
      <c r="L15" s="54"/>
      <c r="M15" s="52"/>
      <c r="N15" s="70"/>
      <c r="O15" s="73" t="s">
        <v>322</v>
      </c>
      <c r="P15" s="53" t="s">
        <v>279</v>
      </c>
    </row>
    <row r="16" spans="1:16" ht="43.2" hidden="1" x14ac:dyDescent="0.3">
      <c r="A16" s="11">
        <v>9</v>
      </c>
      <c r="B16" s="14" t="s">
        <v>24</v>
      </c>
      <c r="C16" s="14" t="s">
        <v>36</v>
      </c>
      <c r="D16" s="14">
        <v>15</v>
      </c>
      <c r="E16" s="14" t="s">
        <v>10</v>
      </c>
      <c r="F16" s="15" t="s">
        <v>32</v>
      </c>
      <c r="G16" s="14" t="s">
        <v>134</v>
      </c>
      <c r="H16" s="11" t="s">
        <v>23</v>
      </c>
      <c r="J16" s="14" t="s">
        <v>19</v>
      </c>
      <c r="K16" s="17" t="s">
        <v>168</v>
      </c>
      <c r="L16" s="22"/>
      <c r="O16" s="37"/>
    </row>
    <row r="17" spans="1:16" ht="86.4" x14ac:dyDescent="0.3">
      <c r="A17" s="11">
        <v>11</v>
      </c>
      <c r="B17" s="14" t="s">
        <v>24</v>
      </c>
      <c r="C17" s="14" t="s">
        <v>36</v>
      </c>
      <c r="D17" s="14">
        <v>16</v>
      </c>
      <c r="E17" s="14" t="s">
        <v>10</v>
      </c>
      <c r="F17" s="15" t="s">
        <v>34</v>
      </c>
      <c r="G17" s="14" t="s">
        <v>134</v>
      </c>
      <c r="H17" s="11" t="s">
        <v>142</v>
      </c>
      <c r="J17" s="14" t="s">
        <v>20</v>
      </c>
      <c r="K17" s="17" t="s">
        <v>168</v>
      </c>
      <c r="L17" s="23"/>
      <c r="O17" s="38" t="s">
        <v>323</v>
      </c>
    </row>
    <row r="18" spans="1:16" ht="43.2" hidden="1" x14ac:dyDescent="0.3">
      <c r="A18" s="11">
        <v>8</v>
      </c>
      <c r="B18" s="14" t="s">
        <v>24</v>
      </c>
      <c r="C18" s="14" t="s">
        <v>35</v>
      </c>
      <c r="D18" s="14">
        <v>17</v>
      </c>
      <c r="E18" s="14" t="s">
        <v>10</v>
      </c>
      <c r="F18" s="15" t="s">
        <v>31</v>
      </c>
      <c r="G18" s="14" t="s">
        <v>1</v>
      </c>
      <c r="J18" s="14" t="s">
        <v>19</v>
      </c>
      <c r="K18" s="17" t="s">
        <v>168</v>
      </c>
      <c r="L18" s="22"/>
      <c r="O18" s="37"/>
    </row>
    <row r="19" spans="1:16" ht="172.8" x14ac:dyDescent="0.3">
      <c r="A19" s="11">
        <v>13</v>
      </c>
      <c r="B19" s="14" t="s">
        <v>38</v>
      </c>
      <c r="C19" s="14" t="s">
        <v>39</v>
      </c>
      <c r="D19" s="14">
        <v>18</v>
      </c>
      <c r="E19" s="13" t="s">
        <v>10</v>
      </c>
      <c r="F19" s="15" t="s">
        <v>248</v>
      </c>
      <c r="G19" s="13" t="s">
        <v>135</v>
      </c>
      <c r="H19" s="18" t="s">
        <v>10</v>
      </c>
      <c r="I19" s="18"/>
      <c r="J19" s="13" t="s">
        <v>20</v>
      </c>
      <c r="K19" s="17" t="s">
        <v>157</v>
      </c>
      <c r="L19" s="22"/>
      <c r="O19" s="38" t="s">
        <v>335</v>
      </c>
      <c r="P19" s="20"/>
    </row>
    <row r="20" spans="1:16" ht="231" customHeight="1" x14ac:dyDescent="0.3">
      <c r="A20" s="11">
        <v>14</v>
      </c>
      <c r="B20" s="14" t="s">
        <v>38</v>
      </c>
      <c r="C20" s="14" t="s">
        <v>39</v>
      </c>
      <c r="D20" s="14">
        <v>19</v>
      </c>
      <c r="E20" s="13" t="s">
        <v>10</v>
      </c>
      <c r="F20" s="15" t="s">
        <v>224</v>
      </c>
      <c r="G20" s="13" t="s">
        <v>135</v>
      </c>
      <c r="H20" s="18" t="s">
        <v>10</v>
      </c>
      <c r="I20" s="18"/>
      <c r="J20" s="13" t="s">
        <v>20</v>
      </c>
      <c r="K20" s="17" t="s">
        <v>157</v>
      </c>
      <c r="L20" s="22"/>
      <c r="O20" s="38" t="s">
        <v>324</v>
      </c>
      <c r="P20" s="20"/>
    </row>
    <row r="21" spans="1:16" ht="177" customHeight="1" x14ac:dyDescent="0.3">
      <c r="A21" s="11">
        <v>15</v>
      </c>
      <c r="B21" s="14" t="s">
        <v>38</v>
      </c>
      <c r="C21" s="14" t="s">
        <v>39</v>
      </c>
      <c r="D21" s="14">
        <v>20</v>
      </c>
      <c r="E21" s="13" t="s">
        <v>10</v>
      </c>
      <c r="F21" s="15" t="s">
        <v>327</v>
      </c>
      <c r="G21" s="13" t="s">
        <v>135</v>
      </c>
      <c r="H21" s="18" t="s">
        <v>10</v>
      </c>
      <c r="I21" s="18"/>
      <c r="J21" s="13" t="s">
        <v>20</v>
      </c>
      <c r="K21" s="17" t="s">
        <v>157</v>
      </c>
      <c r="L21" s="22"/>
      <c r="O21" s="38" t="s">
        <v>325</v>
      </c>
      <c r="P21" s="20"/>
    </row>
    <row r="22" spans="1:16" ht="144" x14ac:dyDescent="0.3">
      <c r="A22" s="11">
        <v>17</v>
      </c>
      <c r="B22" s="14" t="s">
        <v>41</v>
      </c>
      <c r="C22" s="14" t="s">
        <v>42</v>
      </c>
      <c r="D22" s="14">
        <v>21</v>
      </c>
      <c r="E22" s="13" t="s">
        <v>10</v>
      </c>
      <c r="F22" s="15" t="s">
        <v>326</v>
      </c>
      <c r="G22" s="13" t="s">
        <v>135</v>
      </c>
      <c r="H22" s="18" t="s">
        <v>10</v>
      </c>
      <c r="I22" s="18"/>
      <c r="J22" s="13" t="s">
        <v>20</v>
      </c>
      <c r="K22" s="17" t="s">
        <v>157</v>
      </c>
      <c r="L22" s="22"/>
      <c r="O22" s="38" t="s">
        <v>330</v>
      </c>
      <c r="P22" s="14"/>
    </row>
    <row r="23" spans="1:16" ht="129.6" x14ac:dyDescent="0.3">
      <c r="A23" s="11">
        <v>18</v>
      </c>
      <c r="B23" s="14" t="s">
        <v>41</v>
      </c>
      <c r="C23" s="14" t="s">
        <v>43</v>
      </c>
      <c r="D23" s="14">
        <v>22</v>
      </c>
      <c r="E23" s="13" t="s">
        <v>10</v>
      </c>
      <c r="F23" s="15" t="s">
        <v>328</v>
      </c>
      <c r="G23" s="13" t="s">
        <v>135</v>
      </c>
      <c r="H23" s="18" t="s">
        <v>10</v>
      </c>
      <c r="I23" s="18"/>
      <c r="J23" s="13" t="s">
        <v>20</v>
      </c>
      <c r="K23" s="17" t="s">
        <v>168</v>
      </c>
      <c r="L23" s="22"/>
      <c r="O23" s="38" t="s">
        <v>337</v>
      </c>
      <c r="P23" s="20"/>
    </row>
    <row r="24" spans="1:16" ht="147" customHeight="1" x14ac:dyDescent="0.3">
      <c r="A24" s="11">
        <v>19</v>
      </c>
      <c r="B24" s="14" t="s">
        <v>41</v>
      </c>
      <c r="C24" s="14" t="s">
        <v>44</v>
      </c>
      <c r="D24" s="14">
        <v>23</v>
      </c>
      <c r="E24" s="13" t="s">
        <v>10</v>
      </c>
      <c r="F24" s="15" t="s">
        <v>329</v>
      </c>
      <c r="G24" s="13" t="s">
        <v>135</v>
      </c>
      <c r="H24" s="18" t="s">
        <v>10</v>
      </c>
      <c r="I24" s="18"/>
      <c r="J24" s="13" t="s">
        <v>20</v>
      </c>
      <c r="K24" s="17" t="s">
        <v>168</v>
      </c>
      <c r="L24" s="22"/>
      <c r="O24" s="38" t="s">
        <v>331</v>
      </c>
    </row>
    <row r="25" spans="1:16" ht="97.2" customHeight="1" x14ac:dyDescent="0.3">
      <c r="A25" s="11">
        <v>2</v>
      </c>
      <c r="B25" s="14" t="s">
        <v>24</v>
      </c>
      <c r="C25" s="14" t="s">
        <v>25</v>
      </c>
      <c r="D25" s="14">
        <v>24</v>
      </c>
      <c r="E25" s="14" t="s">
        <v>10</v>
      </c>
      <c r="F25" s="16" t="s">
        <v>339</v>
      </c>
      <c r="G25" s="14" t="s">
        <v>134</v>
      </c>
      <c r="H25" s="11" t="s">
        <v>10</v>
      </c>
      <c r="J25" s="14" t="s">
        <v>20</v>
      </c>
      <c r="K25" s="17"/>
      <c r="L25" s="22"/>
      <c r="O25" s="38" t="s">
        <v>338</v>
      </c>
    </row>
    <row r="26" spans="1:16" ht="28.8" hidden="1" x14ac:dyDescent="0.3">
      <c r="A26" s="11">
        <v>10</v>
      </c>
      <c r="B26" s="14" t="s">
        <v>24</v>
      </c>
      <c r="C26" s="14" t="s">
        <v>36</v>
      </c>
      <c r="D26" s="14">
        <v>25</v>
      </c>
      <c r="E26" s="14" t="s">
        <v>10</v>
      </c>
      <c r="F26" s="15" t="s">
        <v>33</v>
      </c>
      <c r="G26" s="14" t="s">
        <v>134</v>
      </c>
      <c r="H26" s="11" t="s">
        <v>23</v>
      </c>
      <c r="J26" s="14" t="s">
        <v>19</v>
      </c>
      <c r="K26" s="17"/>
      <c r="L26" s="22"/>
      <c r="O26" s="37"/>
    </row>
    <row r="27" spans="1:16" ht="28.8" hidden="1" x14ac:dyDescent="0.3">
      <c r="A27" s="11">
        <v>7</v>
      </c>
      <c r="B27" s="14" t="s">
        <v>24</v>
      </c>
      <c r="C27" s="14" t="s">
        <v>35</v>
      </c>
      <c r="D27" s="14">
        <v>26</v>
      </c>
      <c r="E27" s="14" t="s">
        <v>10</v>
      </c>
      <c r="F27" s="15" t="s">
        <v>30</v>
      </c>
      <c r="G27" s="14" t="s">
        <v>1</v>
      </c>
      <c r="J27" s="14" t="s">
        <v>19</v>
      </c>
      <c r="K27" s="17"/>
      <c r="L27" s="22"/>
      <c r="O27" s="37"/>
    </row>
    <row r="28" spans="1:16" ht="28.8" hidden="1" x14ac:dyDescent="0.3">
      <c r="A28" s="11">
        <v>4</v>
      </c>
      <c r="B28" s="14" t="s">
        <v>24</v>
      </c>
      <c r="C28" s="14" t="s">
        <v>35</v>
      </c>
      <c r="D28" s="14">
        <v>27</v>
      </c>
      <c r="E28" s="14" t="s">
        <v>10</v>
      </c>
      <c r="F28" s="16" t="s">
        <v>28</v>
      </c>
      <c r="G28" s="14" t="s">
        <v>1</v>
      </c>
      <c r="J28" s="14" t="s">
        <v>19</v>
      </c>
      <c r="K28" s="17"/>
      <c r="L28" s="22"/>
      <c r="O28" s="37"/>
    </row>
    <row r="29" spans="1:16" ht="43.2" hidden="1" x14ac:dyDescent="0.3">
      <c r="A29" s="11">
        <v>85</v>
      </c>
      <c r="C29" s="14" t="s">
        <v>118</v>
      </c>
      <c r="D29" s="14">
        <v>28</v>
      </c>
      <c r="E29" s="13" t="s">
        <v>18</v>
      </c>
      <c r="F29" s="15" t="s">
        <v>115</v>
      </c>
      <c r="G29" s="13" t="s">
        <v>1</v>
      </c>
      <c r="H29" s="18"/>
      <c r="I29" s="18"/>
      <c r="J29" s="13" t="s">
        <v>19</v>
      </c>
      <c r="K29" s="17" t="s">
        <v>156</v>
      </c>
      <c r="L29" s="22"/>
      <c r="O29" s="37"/>
      <c r="P29" s="5" t="s">
        <v>281</v>
      </c>
    </row>
    <row r="30" spans="1:16" ht="57.6" hidden="1" x14ac:dyDescent="0.3">
      <c r="A30" s="11">
        <v>95</v>
      </c>
      <c r="C30" s="14" t="s">
        <v>124</v>
      </c>
      <c r="D30" s="14">
        <v>29</v>
      </c>
      <c r="E30" s="14" t="s">
        <v>18</v>
      </c>
      <c r="F30" s="15" t="s">
        <v>121</v>
      </c>
      <c r="G30" s="14" t="s">
        <v>135</v>
      </c>
      <c r="H30" s="11" t="s">
        <v>18</v>
      </c>
      <c r="J30" s="14" t="s">
        <v>20</v>
      </c>
      <c r="K30" s="17" t="s">
        <v>167</v>
      </c>
      <c r="L30" s="23" t="s">
        <v>240</v>
      </c>
      <c r="O30" s="37"/>
    </row>
    <row r="31" spans="1:16" ht="68.25" hidden="1" customHeight="1" x14ac:dyDescent="0.3">
      <c r="A31" s="11">
        <v>106</v>
      </c>
      <c r="C31" s="14" t="s">
        <v>131</v>
      </c>
      <c r="D31" s="14">
        <v>30</v>
      </c>
      <c r="E31" s="14" t="s">
        <v>18</v>
      </c>
      <c r="F31" s="15" t="s">
        <v>128</v>
      </c>
      <c r="G31" s="14" t="s">
        <v>134</v>
      </c>
      <c r="H31" s="11" t="s">
        <v>18</v>
      </c>
      <c r="J31" s="14" t="s">
        <v>20</v>
      </c>
      <c r="K31" s="17" t="s">
        <v>167</v>
      </c>
      <c r="L31" s="23" t="s">
        <v>241</v>
      </c>
      <c r="O31" s="37"/>
    </row>
    <row r="32" spans="1:16" ht="100.8" hidden="1" x14ac:dyDescent="0.3">
      <c r="A32" s="11">
        <v>88</v>
      </c>
      <c r="C32" s="14" t="s">
        <v>123</v>
      </c>
      <c r="D32" s="14">
        <v>31</v>
      </c>
      <c r="E32" s="14" t="s">
        <v>18</v>
      </c>
      <c r="F32" s="15" t="s">
        <v>119</v>
      </c>
      <c r="G32" s="14" t="s">
        <v>135</v>
      </c>
      <c r="H32" s="11" t="s">
        <v>18</v>
      </c>
      <c r="I32" s="11" t="s">
        <v>16</v>
      </c>
      <c r="J32" s="14" t="s">
        <v>19</v>
      </c>
      <c r="K32" s="17" t="s">
        <v>165</v>
      </c>
      <c r="L32" s="23" t="s">
        <v>225</v>
      </c>
      <c r="O32" s="37"/>
    </row>
    <row r="33" spans="1:16" ht="100.8" x14ac:dyDescent="0.3">
      <c r="A33" s="11">
        <v>86</v>
      </c>
      <c r="C33" s="14" t="s">
        <v>118</v>
      </c>
      <c r="D33" s="14">
        <v>32</v>
      </c>
      <c r="E33" s="14" t="s">
        <v>18</v>
      </c>
      <c r="F33" s="15" t="s">
        <v>116</v>
      </c>
      <c r="G33" s="14" t="s">
        <v>134</v>
      </c>
      <c r="H33" s="11" t="s">
        <v>142</v>
      </c>
      <c r="J33" s="14" t="s">
        <v>197</v>
      </c>
      <c r="K33" s="17" t="s">
        <v>165</v>
      </c>
      <c r="L33" s="23"/>
      <c r="M33" s="11" t="s">
        <v>146</v>
      </c>
      <c r="O33" s="38" t="s">
        <v>140</v>
      </c>
    </row>
    <row r="34" spans="1:16" ht="249.75" hidden="1" customHeight="1" x14ac:dyDescent="0.3">
      <c r="A34" s="11">
        <v>94</v>
      </c>
      <c r="C34" s="14" t="s">
        <v>124</v>
      </c>
      <c r="D34" s="14">
        <v>33</v>
      </c>
      <c r="E34" s="14" t="s">
        <v>18</v>
      </c>
      <c r="F34" s="15" t="s">
        <v>261</v>
      </c>
      <c r="G34" s="14" t="s">
        <v>135</v>
      </c>
      <c r="H34" s="11" t="s">
        <v>18</v>
      </c>
      <c r="J34" s="14" t="s">
        <v>197</v>
      </c>
      <c r="K34" s="17" t="s">
        <v>167</v>
      </c>
      <c r="L34" s="23" t="s">
        <v>239</v>
      </c>
      <c r="N34" s="42"/>
      <c r="O34" s="31"/>
      <c r="P34" s="25" t="s">
        <v>282</v>
      </c>
    </row>
    <row r="35" spans="1:16" ht="141.75" hidden="1" customHeight="1" x14ac:dyDescent="0.3">
      <c r="A35" s="11">
        <v>105</v>
      </c>
      <c r="C35" s="14" t="s">
        <v>131</v>
      </c>
      <c r="D35" s="14">
        <v>34</v>
      </c>
      <c r="E35" s="14" t="s">
        <v>18</v>
      </c>
      <c r="F35" s="15" t="s">
        <v>271</v>
      </c>
      <c r="G35" s="14" t="s">
        <v>134</v>
      </c>
      <c r="H35" s="11" t="s">
        <v>18</v>
      </c>
      <c r="J35" s="14" t="s">
        <v>20</v>
      </c>
      <c r="K35" s="17" t="s">
        <v>154</v>
      </c>
      <c r="L35" s="23" t="s">
        <v>242</v>
      </c>
      <c r="M35" s="11" t="s">
        <v>147</v>
      </c>
      <c r="N35" s="42"/>
      <c r="O35" s="31"/>
      <c r="P35" s="25" t="s">
        <v>262</v>
      </c>
    </row>
    <row r="36" spans="1:16" ht="130.5" hidden="1" customHeight="1" x14ac:dyDescent="0.3">
      <c r="A36" s="11">
        <v>90</v>
      </c>
      <c r="C36" s="14" t="s">
        <v>123</v>
      </c>
      <c r="D36" s="14">
        <v>35</v>
      </c>
      <c r="E36" s="14" t="s">
        <v>18</v>
      </c>
      <c r="F36" s="15" t="s">
        <v>191</v>
      </c>
      <c r="G36" s="14" t="s">
        <v>134</v>
      </c>
      <c r="H36" s="11" t="s">
        <v>141</v>
      </c>
      <c r="J36" s="14" t="s">
        <v>19</v>
      </c>
      <c r="K36" s="17" t="s">
        <v>169</v>
      </c>
      <c r="L36" s="23" t="s">
        <v>227</v>
      </c>
      <c r="N36" s="33" t="s">
        <v>189</v>
      </c>
      <c r="O36" s="32"/>
    </row>
    <row r="37" spans="1:16" ht="43.2" hidden="1" x14ac:dyDescent="0.3">
      <c r="A37" s="11">
        <v>102</v>
      </c>
      <c r="C37" s="14" t="s">
        <v>131</v>
      </c>
      <c r="D37" s="14">
        <v>36</v>
      </c>
      <c r="E37" s="14" t="s">
        <v>18</v>
      </c>
      <c r="F37" s="15" t="s">
        <v>127</v>
      </c>
      <c r="G37" s="14" t="s">
        <v>140</v>
      </c>
      <c r="J37" s="14" t="s">
        <v>197</v>
      </c>
      <c r="K37" s="17" t="s">
        <v>153</v>
      </c>
      <c r="L37" s="23"/>
      <c r="N37" s="42"/>
      <c r="O37" s="31"/>
      <c r="P37" s="5" t="s">
        <v>278</v>
      </c>
    </row>
    <row r="38" spans="1:16" ht="201.6" hidden="1" x14ac:dyDescent="0.3">
      <c r="A38" s="11">
        <v>87</v>
      </c>
      <c r="C38" s="14" t="s">
        <v>118</v>
      </c>
      <c r="D38" s="14">
        <v>37</v>
      </c>
      <c r="E38" s="14" t="s">
        <v>18</v>
      </c>
      <c r="F38" s="15" t="s">
        <v>117</v>
      </c>
      <c r="G38" s="14" t="s">
        <v>1</v>
      </c>
      <c r="H38" s="11" t="s">
        <v>141</v>
      </c>
      <c r="J38" s="14" t="s">
        <v>197</v>
      </c>
      <c r="K38" s="17" t="s">
        <v>170</v>
      </c>
      <c r="L38" s="23"/>
      <c r="N38" s="42"/>
      <c r="O38" s="31"/>
    </row>
    <row r="39" spans="1:16" ht="129.6" hidden="1" x14ac:dyDescent="0.3">
      <c r="A39" s="11">
        <v>101</v>
      </c>
      <c r="C39" s="14" t="s">
        <v>131</v>
      </c>
      <c r="D39" s="14">
        <v>38</v>
      </c>
      <c r="E39" s="14" t="s">
        <v>18</v>
      </c>
      <c r="F39" s="15" t="s">
        <v>126</v>
      </c>
      <c r="G39" s="14" t="s">
        <v>140</v>
      </c>
      <c r="J39" s="14" t="s">
        <v>197</v>
      </c>
      <c r="K39" s="17" t="s">
        <v>160</v>
      </c>
      <c r="L39" s="23"/>
      <c r="N39" s="42"/>
      <c r="O39" s="31"/>
      <c r="P39" s="5" t="s">
        <v>278</v>
      </c>
    </row>
    <row r="40" spans="1:16" ht="86.4" hidden="1" x14ac:dyDescent="0.3">
      <c r="A40" s="11">
        <v>83</v>
      </c>
      <c r="C40" s="14" t="s">
        <v>118</v>
      </c>
      <c r="D40" s="14">
        <v>39</v>
      </c>
      <c r="E40" s="14" t="s">
        <v>18</v>
      </c>
      <c r="F40" s="15" t="s">
        <v>113</v>
      </c>
      <c r="G40" s="14" t="s">
        <v>1</v>
      </c>
      <c r="J40" s="14" t="s">
        <v>19</v>
      </c>
      <c r="K40" s="17" t="s">
        <v>158</v>
      </c>
      <c r="L40" s="22"/>
      <c r="N40" s="42"/>
      <c r="O40" s="31"/>
      <c r="P40" s="5" t="s">
        <v>283</v>
      </c>
    </row>
    <row r="41" spans="1:16" ht="133.94999999999999" hidden="1" customHeight="1" x14ac:dyDescent="0.3">
      <c r="A41" s="11">
        <v>84</v>
      </c>
      <c r="C41" s="14" t="s">
        <v>118</v>
      </c>
      <c r="D41" s="14">
        <v>40</v>
      </c>
      <c r="E41" s="14" t="s">
        <v>18</v>
      </c>
      <c r="F41" s="15" t="s">
        <v>114</v>
      </c>
      <c r="G41" s="14" t="s">
        <v>140</v>
      </c>
      <c r="J41" s="14" t="s">
        <v>19</v>
      </c>
      <c r="K41" s="17" t="s">
        <v>158</v>
      </c>
      <c r="L41" s="22"/>
      <c r="N41" s="42"/>
      <c r="O41" s="31"/>
    </row>
    <row r="42" spans="1:16" ht="132.75" hidden="1" customHeight="1" x14ac:dyDescent="0.3">
      <c r="A42" s="11">
        <v>89</v>
      </c>
      <c r="C42" s="14" t="s">
        <v>123</v>
      </c>
      <c r="D42" s="14">
        <v>41</v>
      </c>
      <c r="E42" s="14" t="s">
        <v>18</v>
      </c>
      <c r="F42" s="15" t="s">
        <v>258</v>
      </c>
      <c r="G42" s="14" t="s">
        <v>135</v>
      </c>
      <c r="H42" s="11" t="s">
        <v>141</v>
      </c>
      <c r="I42" s="11" t="s">
        <v>16</v>
      </c>
      <c r="J42" s="14" t="s">
        <v>20</v>
      </c>
      <c r="K42" s="17"/>
      <c r="L42" s="23" t="s">
        <v>273</v>
      </c>
      <c r="N42" s="33" t="s">
        <v>284</v>
      </c>
      <c r="O42" s="31"/>
      <c r="P42" s="25"/>
    </row>
    <row r="43" spans="1:16" ht="72" hidden="1" x14ac:dyDescent="0.3">
      <c r="A43" s="11">
        <v>96</v>
      </c>
      <c r="C43" s="14" t="s">
        <v>124</v>
      </c>
      <c r="D43" s="14">
        <v>42</v>
      </c>
      <c r="E43" s="14" t="s">
        <v>18</v>
      </c>
      <c r="F43" s="15" t="s">
        <v>122</v>
      </c>
      <c r="G43" s="14" t="s">
        <v>135</v>
      </c>
      <c r="H43" s="11" t="s">
        <v>18</v>
      </c>
      <c r="J43" s="14" t="s">
        <v>19</v>
      </c>
      <c r="K43" s="17"/>
      <c r="L43" s="23" t="s">
        <v>203</v>
      </c>
      <c r="N43" s="42"/>
      <c r="O43" s="31"/>
    </row>
    <row r="44" spans="1:16" ht="165.75" hidden="1" customHeight="1" x14ac:dyDescent="0.3">
      <c r="A44" s="11">
        <v>103</v>
      </c>
      <c r="C44" s="14" t="s">
        <v>131</v>
      </c>
      <c r="D44" s="14">
        <v>43</v>
      </c>
      <c r="E44" s="13" t="s">
        <v>18</v>
      </c>
      <c r="F44" s="15" t="s">
        <v>259</v>
      </c>
      <c r="G44" s="13" t="s">
        <v>135</v>
      </c>
      <c r="H44" s="18" t="s">
        <v>141</v>
      </c>
      <c r="I44" s="18"/>
      <c r="J44" s="13" t="s">
        <v>19</v>
      </c>
      <c r="K44" s="17"/>
      <c r="L44" s="23"/>
      <c r="N44" s="42" t="s">
        <v>189</v>
      </c>
      <c r="O44" s="31"/>
      <c r="P44" s="25"/>
    </row>
    <row r="45" spans="1:16" ht="165" hidden="1" customHeight="1" x14ac:dyDescent="0.3">
      <c r="A45" s="11">
        <v>104</v>
      </c>
      <c r="C45" s="14" t="s">
        <v>131</v>
      </c>
      <c r="D45" s="14">
        <v>44</v>
      </c>
      <c r="E45" s="14" t="s">
        <v>18</v>
      </c>
      <c r="F45" s="15" t="s">
        <v>260</v>
      </c>
      <c r="G45" s="14" t="s">
        <v>140</v>
      </c>
      <c r="H45" s="11" t="s">
        <v>141</v>
      </c>
      <c r="J45" s="14" t="s">
        <v>197</v>
      </c>
      <c r="K45" s="17"/>
      <c r="L45" s="23" t="s">
        <v>203</v>
      </c>
      <c r="N45" s="33" t="s">
        <v>243</v>
      </c>
      <c r="O45" s="31"/>
      <c r="P45" s="5" t="s">
        <v>278</v>
      </c>
    </row>
    <row r="46" spans="1:16" ht="72" hidden="1" x14ac:dyDescent="0.3">
      <c r="A46" s="11">
        <v>107</v>
      </c>
      <c r="C46" s="14" t="s">
        <v>131</v>
      </c>
      <c r="D46" s="14">
        <v>45</v>
      </c>
      <c r="E46" s="14" t="s">
        <v>18</v>
      </c>
      <c r="F46" s="15" t="s">
        <v>226</v>
      </c>
      <c r="G46" s="14" t="s">
        <v>135</v>
      </c>
      <c r="H46" s="11" t="s">
        <v>18</v>
      </c>
      <c r="J46" s="14" t="s">
        <v>20</v>
      </c>
      <c r="K46" s="17"/>
      <c r="L46" s="23" t="s">
        <v>203</v>
      </c>
      <c r="N46" s="42"/>
      <c r="O46" s="31"/>
    </row>
    <row r="47" spans="1:16" ht="43.2" hidden="1" x14ac:dyDescent="0.3">
      <c r="A47" s="11">
        <v>108</v>
      </c>
      <c r="C47" s="14" t="s">
        <v>131</v>
      </c>
      <c r="D47" s="14">
        <v>46</v>
      </c>
      <c r="E47" s="14" t="s">
        <v>18</v>
      </c>
      <c r="F47" s="15" t="s">
        <v>129</v>
      </c>
      <c r="G47" s="14" t="s">
        <v>135</v>
      </c>
      <c r="H47" s="11" t="s">
        <v>141</v>
      </c>
      <c r="J47" s="14" t="s">
        <v>19</v>
      </c>
      <c r="K47" s="17"/>
      <c r="L47" s="23"/>
      <c r="N47" s="42" t="s">
        <v>189</v>
      </c>
      <c r="O47" s="31"/>
    </row>
    <row r="48" spans="1:16" ht="115.2" hidden="1" x14ac:dyDescent="0.3">
      <c r="A48" s="11">
        <v>109</v>
      </c>
      <c r="C48" s="14" t="s">
        <v>132</v>
      </c>
      <c r="D48" s="14">
        <v>47</v>
      </c>
      <c r="E48" s="14" t="s">
        <v>18</v>
      </c>
      <c r="F48" s="15" t="s">
        <v>133</v>
      </c>
      <c r="G48" s="14" t="s">
        <v>135</v>
      </c>
      <c r="H48" s="11" t="s">
        <v>18</v>
      </c>
      <c r="J48" s="14" t="s">
        <v>20</v>
      </c>
      <c r="K48" s="17"/>
      <c r="L48" s="23" t="s">
        <v>272</v>
      </c>
      <c r="N48" s="42"/>
      <c r="O48" s="31"/>
      <c r="P48" s="25"/>
    </row>
    <row r="49" spans="1:16" ht="288" hidden="1" x14ac:dyDescent="0.3">
      <c r="A49" s="11">
        <v>91</v>
      </c>
      <c r="C49" s="14" t="s">
        <v>123</v>
      </c>
      <c r="D49" s="14">
        <v>48</v>
      </c>
      <c r="E49" s="13" t="s">
        <v>18</v>
      </c>
      <c r="F49" s="15" t="s">
        <v>205</v>
      </c>
      <c r="G49" s="13" t="s">
        <v>134</v>
      </c>
      <c r="H49" s="18" t="s">
        <v>141</v>
      </c>
      <c r="I49" s="18"/>
      <c r="J49" s="13" t="s">
        <v>20</v>
      </c>
      <c r="K49" s="17"/>
      <c r="L49" s="23"/>
      <c r="N49" s="34" t="s">
        <v>316</v>
      </c>
      <c r="O49" s="32"/>
    </row>
    <row r="50" spans="1:16" ht="71.25" hidden="1" customHeight="1" x14ac:dyDescent="0.3">
      <c r="A50" s="11">
        <v>92</v>
      </c>
      <c r="C50" s="14" t="s">
        <v>123</v>
      </c>
      <c r="D50" s="14">
        <v>49</v>
      </c>
      <c r="E50" s="14" t="s">
        <v>18</v>
      </c>
      <c r="F50" s="15" t="s">
        <v>206</v>
      </c>
      <c r="G50" s="14" t="s">
        <v>134</v>
      </c>
      <c r="H50" s="11" t="s">
        <v>141</v>
      </c>
      <c r="J50" s="14" t="s">
        <v>20</v>
      </c>
      <c r="K50" s="17"/>
      <c r="L50" s="23" t="s">
        <v>230</v>
      </c>
      <c r="N50" s="42" t="s">
        <v>189</v>
      </c>
      <c r="O50" s="31"/>
    </row>
    <row r="51" spans="1:16" ht="295.5" hidden="1" customHeight="1" x14ac:dyDescent="0.3">
      <c r="A51" s="11">
        <v>97</v>
      </c>
      <c r="C51" s="14" t="s">
        <v>124</v>
      </c>
      <c r="D51" s="14">
        <v>50</v>
      </c>
      <c r="E51" s="14" t="s">
        <v>18</v>
      </c>
      <c r="F51" s="15" t="s">
        <v>207</v>
      </c>
      <c r="G51" s="14" t="s">
        <v>134</v>
      </c>
      <c r="H51" s="11" t="s">
        <v>141</v>
      </c>
      <c r="J51" s="14" t="s">
        <v>20</v>
      </c>
      <c r="K51" s="17"/>
      <c r="L51" s="23"/>
      <c r="N51" s="34" t="s">
        <v>317</v>
      </c>
      <c r="O51" s="32"/>
    </row>
    <row r="52" spans="1:16" ht="86.4" hidden="1" x14ac:dyDescent="0.3">
      <c r="A52" s="59">
        <v>110</v>
      </c>
      <c r="B52" s="57"/>
      <c r="C52" s="57" t="s">
        <v>132</v>
      </c>
      <c r="D52" s="57">
        <v>51</v>
      </c>
      <c r="E52" s="57" t="s">
        <v>18</v>
      </c>
      <c r="F52" s="58" t="s">
        <v>232</v>
      </c>
      <c r="G52" s="57" t="s">
        <v>134</v>
      </c>
      <c r="H52" s="59" t="s">
        <v>18</v>
      </c>
      <c r="I52" s="59"/>
      <c r="J52" s="57" t="s">
        <v>19</v>
      </c>
      <c r="K52" s="60"/>
      <c r="L52" s="61" t="s">
        <v>233</v>
      </c>
      <c r="M52" s="59"/>
      <c r="N52" s="65"/>
      <c r="O52" s="66"/>
      <c r="P52" s="64" t="s">
        <v>255</v>
      </c>
    </row>
    <row r="53" spans="1:16" ht="51.75" hidden="1" customHeight="1" x14ac:dyDescent="0.3">
      <c r="A53" s="11">
        <v>54</v>
      </c>
      <c r="B53" s="14" t="s">
        <v>57</v>
      </c>
      <c r="D53" s="14">
        <v>52</v>
      </c>
      <c r="E53" s="14" t="s">
        <v>11</v>
      </c>
      <c r="F53" s="15" t="s">
        <v>83</v>
      </c>
      <c r="G53" s="14" t="s">
        <v>134</v>
      </c>
      <c r="H53" s="11" t="s">
        <v>11</v>
      </c>
      <c r="I53" s="11" t="s">
        <v>15</v>
      </c>
      <c r="J53" s="14" t="s">
        <v>19</v>
      </c>
      <c r="K53" s="17" t="s">
        <v>161</v>
      </c>
      <c r="L53" s="22"/>
      <c r="M53" s="11" t="s">
        <v>145</v>
      </c>
      <c r="N53" s="33" t="s">
        <v>190</v>
      </c>
      <c r="O53" s="32"/>
    </row>
    <row r="54" spans="1:16" ht="43.2" hidden="1" x14ac:dyDescent="0.3">
      <c r="A54" s="11">
        <v>66</v>
      </c>
      <c r="C54" s="14" t="s">
        <v>112</v>
      </c>
      <c r="D54" s="14">
        <v>53</v>
      </c>
      <c r="E54" s="14" t="s">
        <v>11</v>
      </c>
      <c r="F54" s="15" t="s">
        <v>95</v>
      </c>
      <c r="G54" s="14" t="s">
        <v>1</v>
      </c>
      <c r="J54" s="14" t="s">
        <v>19</v>
      </c>
      <c r="K54" s="17" t="s">
        <v>167</v>
      </c>
      <c r="L54" s="22"/>
      <c r="N54" s="42"/>
      <c r="O54" s="31"/>
    </row>
    <row r="55" spans="1:16" ht="43.2" hidden="1" x14ac:dyDescent="0.3">
      <c r="A55" s="11">
        <v>30</v>
      </c>
      <c r="B55" s="14" t="s">
        <v>52</v>
      </c>
      <c r="D55" s="50">
        <v>54</v>
      </c>
      <c r="E55" s="50" t="s">
        <v>11</v>
      </c>
      <c r="F55" s="51" t="s">
        <v>66</v>
      </c>
      <c r="G55" s="50" t="s">
        <v>134</v>
      </c>
      <c r="H55" s="52" t="s">
        <v>11</v>
      </c>
      <c r="I55" s="52"/>
      <c r="J55" s="68" t="s">
        <v>22</v>
      </c>
      <c r="K55" s="53" t="s">
        <v>167</v>
      </c>
      <c r="L55" s="54"/>
      <c r="M55" s="52"/>
      <c r="N55" s="74" t="s">
        <v>318</v>
      </c>
      <c r="O55" s="69"/>
      <c r="P55" s="53"/>
    </row>
    <row r="56" spans="1:16" ht="43.2" hidden="1" x14ac:dyDescent="0.3">
      <c r="A56" s="11">
        <v>77</v>
      </c>
      <c r="C56" s="14" t="s">
        <v>112</v>
      </c>
      <c r="D56" s="14">
        <v>55</v>
      </c>
      <c r="E56" s="14" t="s">
        <v>11</v>
      </c>
      <c r="F56" s="15" t="s">
        <v>106</v>
      </c>
      <c r="G56" s="14" t="s">
        <v>140</v>
      </c>
      <c r="J56" s="14" t="s">
        <v>20</v>
      </c>
      <c r="K56" s="17" t="s">
        <v>167</v>
      </c>
      <c r="L56" s="22"/>
      <c r="N56" s="33"/>
      <c r="O56" s="33"/>
      <c r="P56" s="5" t="s">
        <v>285</v>
      </c>
    </row>
    <row r="57" spans="1:16" ht="72" hidden="1" x14ac:dyDescent="0.3">
      <c r="A57" s="11">
        <v>42</v>
      </c>
      <c r="B57" s="14" t="s">
        <v>53</v>
      </c>
      <c r="D57" s="14">
        <v>56</v>
      </c>
      <c r="E57" s="14" t="s">
        <v>11</v>
      </c>
      <c r="F57" s="15" t="s">
        <v>73</v>
      </c>
      <c r="G57" s="14" t="s">
        <v>1</v>
      </c>
      <c r="J57" s="14" t="s">
        <v>19</v>
      </c>
      <c r="K57" s="17" t="s">
        <v>167</v>
      </c>
      <c r="L57" s="22"/>
      <c r="N57" s="33" t="s">
        <v>185</v>
      </c>
      <c r="O57" s="33"/>
    </row>
    <row r="58" spans="1:16" ht="72" hidden="1" x14ac:dyDescent="0.3">
      <c r="A58" s="11">
        <v>70</v>
      </c>
      <c r="C58" s="14" t="s">
        <v>112</v>
      </c>
      <c r="D58" s="14">
        <v>57</v>
      </c>
      <c r="E58" s="14" t="s">
        <v>11</v>
      </c>
      <c r="F58" s="15" t="s">
        <v>99</v>
      </c>
      <c r="G58" s="14" t="s">
        <v>140</v>
      </c>
      <c r="J58" s="14" t="s">
        <v>197</v>
      </c>
      <c r="K58" s="17" t="s">
        <v>155</v>
      </c>
      <c r="L58" s="22"/>
      <c r="N58" s="42"/>
      <c r="O58" s="31"/>
      <c r="P58" s="5" t="s">
        <v>286</v>
      </c>
    </row>
    <row r="59" spans="1:16" ht="86.4" hidden="1" x14ac:dyDescent="0.3">
      <c r="A59" s="11">
        <v>74</v>
      </c>
      <c r="C59" s="14" t="s">
        <v>112</v>
      </c>
      <c r="D59" s="14">
        <v>58</v>
      </c>
      <c r="E59" s="14" t="s">
        <v>11</v>
      </c>
      <c r="F59" s="15" t="s">
        <v>103</v>
      </c>
      <c r="G59" s="14" t="s">
        <v>140</v>
      </c>
      <c r="J59" s="14" t="s">
        <v>19</v>
      </c>
      <c r="K59" s="17" t="s">
        <v>154</v>
      </c>
      <c r="L59" s="22"/>
      <c r="M59" s="11" t="s">
        <v>147</v>
      </c>
      <c r="N59" s="42"/>
      <c r="O59" s="31"/>
      <c r="P59" s="5" t="s">
        <v>278</v>
      </c>
    </row>
    <row r="60" spans="1:16" ht="43.2" hidden="1" x14ac:dyDescent="0.3">
      <c r="A60" s="11">
        <v>67</v>
      </c>
      <c r="C60" s="14" t="s">
        <v>112</v>
      </c>
      <c r="D60" s="14">
        <v>59</v>
      </c>
      <c r="E60" s="14" t="s">
        <v>11</v>
      </c>
      <c r="F60" s="15" t="s">
        <v>96</v>
      </c>
      <c r="G60" s="14" t="s">
        <v>140</v>
      </c>
      <c r="J60" s="14" t="s">
        <v>197</v>
      </c>
      <c r="K60" s="17" t="s">
        <v>154</v>
      </c>
      <c r="L60" s="22"/>
      <c r="N60" s="42"/>
      <c r="O60" s="31"/>
      <c r="P60" s="5" t="s">
        <v>278</v>
      </c>
    </row>
    <row r="61" spans="1:16" ht="57.6" hidden="1" x14ac:dyDescent="0.3">
      <c r="A61" s="11">
        <v>76</v>
      </c>
      <c r="C61" s="14" t="s">
        <v>112</v>
      </c>
      <c r="D61" s="57">
        <v>60</v>
      </c>
      <c r="E61" s="57" t="s">
        <v>11</v>
      </c>
      <c r="F61" s="58" t="s">
        <v>105</v>
      </c>
      <c r="G61" s="57" t="s">
        <v>0</v>
      </c>
      <c r="H61" s="59"/>
      <c r="I61" s="59"/>
      <c r="J61" s="57" t="s">
        <v>19</v>
      </c>
      <c r="K61" s="60" t="s">
        <v>154</v>
      </c>
      <c r="L61" s="61"/>
      <c r="M61" s="59" t="s">
        <v>147</v>
      </c>
      <c r="N61" s="62"/>
      <c r="O61" s="63"/>
      <c r="P61" s="64" t="s">
        <v>251</v>
      </c>
    </row>
    <row r="62" spans="1:16" ht="57.6" hidden="1" x14ac:dyDescent="0.3">
      <c r="A62" s="11">
        <v>40</v>
      </c>
      <c r="B62" s="14" t="s">
        <v>53</v>
      </c>
      <c r="D62" s="14">
        <v>61</v>
      </c>
      <c r="E62" s="14" t="s">
        <v>11</v>
      </c>
      <c r="F62" s="15" t="s">
        <v>71</v>
      </c>
      <c r="G62" s="14" t="s">
        <v>135</v>
      </c>
      <c r="H62" s="11" t="s">
        <v>11</v>
      </c>
      <c r="I62" s="11" t="s">
        <v>16</v>
      </c>
      <c r="J62" s="14" t="s">
        <v>20</v>
      </c>
      <c r="K62" s="17" t="s">
        <v>154</v>
      </c>
      <c r="L62" s="22"/>
      <c r="N62" s="33" t="s">
        <v>287</v>
      </c>
      <c r="O62" s="31"/>
    </row>
    <row r="63" spans="1:16" ht="192.75" hidden="1" customHeight="1" x14ac:dyDescent="0.3">
      <c r="A63" s="11">
        <v>48</v>
      </c>
      <c r="B63" s="14" t="s">
        <v>54</v>
      </c>
      <c r="C63" s="14" t="s">
        <v>78</v>
      </c>
      <c r="D63" s="14">
        <v>62</v>
      </c>
      <c r="E63" s="14" t="s">
        <v>11</v>
      </c>
      <c r="F63" s="15" t="s">
        <v>75</v>
      </c>
      <c r="G63" s="14" t="s">
        <v>134</v>
      </c>
      <c r="H63" s="11" t="s">
        <v>11</v>
      </c>
      <c r="J63" s="14" t="s">
        <v>20</v>
      </c>
      <c r="K63" s="17" t="s">
        <v>154</v>
      </c>
      <c r="L63" s="22"/>
      <c r="N63" s="34" t="s">
        <v>319</v>
      </c>
      <c r="O63" s="33"/>
      <c r="P63" s="5" t="s">
        <v>285</v>
      </c>
    </row>
    <row r="64" spans="1:16" ht="86.4" hidden="1" x14ac:dyDescent="0.3">
      <c r="A64" s="11">
        <v>68</v>
      </c>
      <c r="C64" s="14" t="s">
        <v>112</v>
      </c>
      <c r="D64" s="14">
        <v>63</v>
      </c>
      <c r="E64" s="14" t="s">
        <v>11</v>
      </c>
      <c r="F64" s="15" t="s">
        <v>97</v>
      </c>
      <c r="G64" s="14" t="s">
        <v>140</v>
      </c>
      <c r="J64" s="14" t="s">
        <v>19</v>
      </c>
      <c r="K64" s="17" t="s">
        <v>171</v>
      </c>
      <c r="L64" s="22"/>
      <c r="N64" s="42"/>
      <c r="O64" s="31"/>
    </row>
    <row r="65" spans="1:16" ht="86.4" hidden="1" x14ac:dyDescent="0.3">
      <c r="A65" s="11">
        <v>82</v>
      </c>
      <c r="C65" s="14" t="s">
        <v>112</v>
      </c>
      <c r="D65" s="14">
        <v>64</v>
      </c>
      <c r="E65" s="14" t="s">
        <v>11</v>
      </c>
      <c r="F65" s="15" t="s">
        <v>111</v>
      </c>
      <c r="G65" s="14" t="s">
        <v>140</v>
      </c>
      <c r="H65" s="11" t="s">
        <v>11</v>
      </c>
      <c r="J65" s="14" t="s">
        <v>197</v>
      </c>
      <c r="K65" s="17" t="s">
        <v>171</v>
      </c>
      <c r="L65" s="22"/>
      <c r="N65" s="33" t="s">
        <v>288</v>
      </c>
      <c r="O65" s="33"/>
      <c r="P65" s="5" t="s">
        <v>289</v>
      </c>
    </row>
    <row r="66" spans="1:16" ht="43.2" hidden="1" x14ac:dyDescent="0.3">
      <c r="A66" s="11">
        <v>64</v>
      </c>
      <c r="C66" s="14" t="s">
        <v>112</v>
      </c>
      <c r="D66" s="14">
        <v>65</v>
      </c>
      <c r="E66" s="14" t="s">
        <v>11</v>
      </c>
      <c r="F66" s="15" t="s">
        <v>93</v>
      </c>
      <c r="G66" s="14" t="s">
        <v>140</v>
      </c>
      <c r="J66" s="14" t="s">
        <v>19</v>
      </c>
      <c r="K66" s="17" t="s">
        <v>153</v>
      </c>
      <c r="L66" s="22"/>
      <c r="N66" s="42"/>
      <c r="O66" s="31"/>
      <c r="P66" s="5" t="s">
        <v>278</v>
      </c>
    </row>
    <row r="67" spans="1:16" ht="72" hidden="1" x14ac:dyDescent="0.3">
      <c r="A67" s="11">
        <v>75</v>
      </c>
      <c r="C67" s="14" t="s">
        <v>112</v>
      </c>
      <c r="D67" s="14">
        <v>66</v>
      </c>
      <c r="E67" s="14" t="s">
        <v>11</v>
      </c>
      <c r="F67" s="15" t="s">
        <v>104</v>
      </c>
      <c r="G67" s="14" t="s">
        <v>140</v>
      </c>
      <c r="J67" s="14" t="s">
        <v>19</v>
      </c>
      <c r="K67" s="17" t="s">
        <v>153</v>
      </c>
      <c r="L67" s="22"/>
      <c r="N67" s="42"/>
      <c r="O67" s="31"/>
      <c r="P67" s="5" t="s">
        <v>278</v>
      </c>
    </row>
    <row r="68" spans="1:16" s="46" customFormat="1" ht="96.75" hidden="1" customHeight="1" x14ac:dyDescent="0.3">
      <c r="A68" s="18">
        <v>22</v>
      </c>
      <c r="B68" s="13" t="s">
        <v>52</v>
      </c>
      <c r="C68" s="13"/>
      <c r="D68" s="13">
        <v>67</v>
      </c>
      <c r="E68" s="13" t="s">
        <v>11</v>
      </c>
      <c r="F68" s="15" t="s">
        <v>60</v>
      </c>
      <c r="G68" s="13" t="s">
        <v>134</v>
      </c>
      <c r="H68" s="18" t="s">
        <v>11</v>
      </c>
      <c r="I68" s="18"/>
      <c r="J68" s="13" t="s">
        <v>20</v>
      </c>
      <c r="K68" s="17" t="s">
        <v>159</v>
      </c>
      <c r="L68" s="23"/>
      <c r="M68" s="18"/>
      <c r="N68" s="34" t="s">
        <v>290</v>
      </c>
      <c r="O68" s="45"/>
      <c r="P68" s="17" t="s">
        <v>291</v>
      </c>
    </row>
    <row r="69" spans="1:16" ht="43.2" hidden="1" x14ac:dyDescent="0.3">
      <c r="A69" s="52">
        <v>78</v>
      </c>
      <c r="B69" s="50"/>
      <c r="C69" s="50" t="s">
        <v>112</v>
      </c>
      <c r="D69" s="50">
        <v>68</v>
      </c>
      <c r="E69" s="50" t="s">
        <v>11</v>
      </c>
      <c r="F69" s="51" t="s">
        <v>107</v>
      </c>
      <c r="G69" s="50" t="s">
        <v>134</v>
      </c>
      <c r="H69" s="52" t="s">
        <v>11</v>
      </c>
      <c r="I69" s="52"/>
      <c r="J69" s="68" t="s">
        <v>22</v>
      </c>
      <c r="K69" s="53" t="s">
        <v>159</v>
      </c>
      <c r="L69" s="54"/>
      <c r="M69" s="52"/>
      <c r="N69" s="55" t="s">
        <v>292</v>
      </c>
      <c r="O69" s="69"/>
      <c r="P69" s="53" t="s">
        <v>293</v>
      </c>
    </row>
    <row r="70" spans="1:16" ht="101.25" hidden="1" customHeight="1" x14ac:dyDescent="0.3">
      <c r="A70" s="11">
        <v>55</v>
      </c>
      <c r="B70" s="14" t="s">
        <v>58</v>
      </c>
      <c r="C70" s="14" t="s">
        <v>92</v>
      </c>
      <c r="D70" s="14">
        <v>69</v>
      </c>
      <c r="E70" s="14" t="s">
        <v>11</v>
      </c>
      <c r="F70" s="15" t="s">
        <v>228</v>
      </c>
      <c r="G70" s="14" t="s">
        <v>134</v>
      </c>
      <c r="H70" s="11" t="s">
        <v>11</v>
      </c>
      <c r="I70" s="11" t="s">
        <v>15</v>
      </c>
      <c r="J70" s="14" t="s">
        <v>20</v>
      </c>
      <c r="K70" s="17" t="s">
        <v>159</v>
      </c>
      <c r="L70" s="22"/>
      <c r="N70" s="33" t="s">
        <v>190</v>
      </c>
      <c r="O70" s="33"/>
      <c r="P70" s="5" t="s">
        <v>294</v>
      </c>
    </row>
    <row r="71" spans="1:16" ht="72" hidden="1" x14ac:dyDescent="0.3">
      <c r="A71" s="11">
        <v>57</v>
      </c>
      <c r="B71" s="14" t="s">
        <v>58</v>
      </c>
      <c r="C71" s="14" t="s">
        <v>92</v>
      </c>
      <c r="D71" s="14">
        <v>70</v>
      </c>
      <c r="E71" s="14" t="s">
        <v>11</v>
      </c>
      <c r="F71" s="15" t="s">
        <v>85</v>
      </c>
      <c r="G71" s="14" t="s">
        <v>134</v>
      </c>
      <c r="H71" s="11" t="s">
        <v>11</v>
      </c>
      <c r="J71" s="14" t="s">
        <v>19</v>
      </c>
      <c r="K71" s="17" t="s">
        <v>159</v>
      </c>
      <c r="L71" s="22"/>
      <c r="M71" s="11" t="s">
        <v>145</v>
      </c>
      <c r="N71" s="33"/>
      <c r="O71" s="33"/>
      <c r="P71" s="5" t="s">
        <v>295</v>
      </c>
    </row>
    <row r="72" spans="1:16" ht="43.2" hidden="1" x14ac:dyDescent="0.3">
      <c r="A72" s="11">
        <v>59</v>
      </c>
      <c r="B72" s="14" t="s">
        <v>58</v>
      </c>
      <c r="C72" s="14" t="s">
        <v>91</v>
      </c>
      <c r="D72" s="14">
        <v>71</v>
      </c>
      <c r="E72" s="14" t="s">
        <v>11</v>
      </c>
      <c r="F72" s="15" t="s">
        <v>87</v>
      </c>
      <c r="G72" s="14" t="s">
        <v>134</v>
      </c>
      <c r="H72" s="11" t="s">
        <v>11</v>
      </c>
      <c r="J72" s="14" t="s">
        <v>20</v>
      </c>
      <c r="K72" s="17" t="s">
        <v>159</v>
      </c>
      <c r="L72" s="22"/>
      <c r="N72" s="33" t="s">
        <v>296</v>
      </c>
      <c r="O72" s="33"/>
      <c r="P72" s="5" t="s">
        <v>293</v>
      </c>
    </row>
    <row r="73" spans="1:16" ht="43.2" hidden="1" x14ac:dyDescent="0.3">
      <c r="A73" s="11">
        <v>62</v>
      </c>
      <c r="B73" s="14" t="s">
        <v>58</v>
      </c>
      <c r="C73" s="14" t="s">
        <v>91</v>
      </c>
      <c r="D73" s="14">
        <v>72</v>
      </c>
      <c r="E73" s="14" t="s">
        <v>11</v>
      </c>
      <c r="F73" s="15" t="s">
        <v>89</v>
      </c>
      <c r="G73" s="14" t="s">
        <v>140</v>
      </c>
      <c r="H73" s="11" t="s">
        <v>11</v>
      </c>
      <c r="J73" s="14" t="s">
        <v>197</v>
      </c>
      <c r="K73" s="17" t="s">
        <v>159</v>
      </c>
      <c r="L73" s="22"/>
      <c r="N73" s="33" t="s">
        <v>185</v>
      </c>
      <c r="O73" s="33"/>
      <c r="P73" s="5" t="s">
        <v>278</v>
      </c>
    </row>
    <row r="74" spans="1:16" ht="57" hidden="1" customHeight="1" x14ac:dyDescent="0.3">
      <c r="A74" s="11">
        <v>79</v>
      </c>
      <c r="C74" s="14" t="s">
        <v>112</v>
      </c>
      <c r="D74" s="14">
        <v>73</v>
      </c>
      <c r="E74" s="14" t="s">
        <v>11</v>
      </c>
      <c r="F74" s="15" t="s">
        <v>108</v>
      </c>
      <c r="G74" s="14" t="s">
        <v>134</v>
      </c>
      <c r="H74" s="11" t="s">
        <v>141</v>
      </c>
      <c r="J74" s="14" t="s">
        <v>20</v>
      </c>
      <c r="K74" s="17" t="s">
        <v>159</v>
      </c>
      <c r="L74" s="23" t="s">
        <v>187</v>
      </c>
      <c r="N74" s="42" t="s">
        <v>189</v>
      </c>
      <c r="O74" s="31"/>
    </row>
    <row r="75" spans="1:16" ht="100.8" hidden="1" x14ac:dyDescent="0.3">
      <c r="A75" s="11">
        <v>81</v>
      </c>
      <c r="C75" s="14" t="s">
        <v>112</v>
      </c>
      <c r="D75" s="14">
        <v>74</v>
      </c>
      <c r="E75" s="14" t="s">
        <v>11</v>
      </c>
      <c r="F75" s="15" t="s">
        <v>110</v>
      </c>
      <c r="G75" s="14" t="s">
        <v>140</v>
      </c>
      <c r="J75" s="14" t="s">
        <v>197</v>
      </c>
      <c r="K75" s="17" t="s">
        <v>172</v>
      </c>
      <c r="L75" s="22"/>
      <c r="N75" s="33" t="s">
        <v>202</v>
      </c>
      <c r="O75" s="33"/>
    </row>
    <row r="76" spans="1:16" ht="43.2" hidden="1" x14ac:dyDescent="0.3">
      <c r="A76" s="11">
        <v>69</v>
      </c>
      <c r="C76" s="14" t="s">
        <v>112</v>
      </c>
      <c r="D76" s="14">
        <v>75</v>
      </c>
      <c r="E76" s="14" t="s">
        <v>11</v>
      </c>
      <c r="F76" s="15" t="s">
        <v>98</v>
      </c>
      <c r="G76" s="14" t="s">
        <v>140</v>
      </c>
      <c r="J76" s="14" t="s">
        <v>197</v>
      </c>
      <c r="K76" s="17" t="s">
        <v>168</v>
      </c>
      <c r="L76" s="22"/>
      <c r="M76" s="11" t="s">
        <v>146</v>
      </c>
      <c r="N76" s="33"/>
      <c r="O76" s="33"/>
      <c r="P76" s="5" t="s">
        <v>278</v>
      </c>
    </row>
    <row r="77" spans="1:16" ht="183.75" hidden="1" customHeight="1" x14ac:dyDescent="0.3">
      <c r="A77" s="11">
        <v>72</v>
      </c>
      <c r="C77" s="14" t="s">
        <v>112</v>
      </c>
      <c r="D77" s="14">
        <v>76</v>
      </c>
      <c r="E77" s="14" t="s">
        <v>11</v>
      </c>
      <c r="F77" s="15" t="s">
        <v>101</v>
      </c>
      <c r="G77" s="14" t="s">
        <v>1</v>
      </c>
      <c r="J77" s="14" t="s">
        <v>19</v>
      </c>
      <c r="K77" s="17" t="s">
        <v>168</v>
      </c>
      <c r="L77" s="22"/>
      <c r="N77" s="42"/>
      <c r="O77" s="31"/>
      <c r="P77" s="5" t="s">
        <v>297</v>
      </c>
    </row>
    <row r="78" spans="1:16" ht="57.6" hidden="1" x14ac:dyDescent="0.3">
      <c r="A78" s="11">
        <v>65</v>
      </c>
      <c r="C78" s="14" t="s">
        <v>112</v>
      </c>
      <c r="D78" s="14">
        <v>77</v>
      </c>
      <c r="E78" s="14" t="s">
        <v>11</v>
      </c>
      <c r="F78" s="15" t="s">
        <v>94</v>
      </c>
      <c r="G78" s="14" t="s">
        <v>140</v>
      </c>
      <c r="J78" s="14" t="s">
        <v>197</v>
      </c>
      <c r="K78" s="17" t="s">
        <v>158</v>
      </c>
      <c r="L78" s="22"/>
      <c r="N78" s="42"/>
      <c r="O78" s="31"/>
      <c r="P78" s="5" t="s">
        <v>278</v>
      </c>
    </row>
    <row r="79" spans="1:16" ht="86.4" hidden="1" x14ac:dyDescent="0.3">
      <c r="A79" s="11">
        <v>71</v>
      </c>
      <c r="C79" s="14" t="s">
        <v>112</v>
      </c>
      <c r="D79" s="50">
        <v>78</v>
      </c>
      <c r="E79" s="50" t="s">
        <v>11</v>
      </c>
      <c r="F79" s="51" t="s">
        <v>100</v>
      </c>
      <c r="G79" s="50" t="s">
        <v>1</v>
      </c>
      <c r="H79" s="52"/>
      <c r="I79" s="52"/>
      <c r="J79" s="50" t="s">
        <v>19</v>
      </c>
      <c r="K79" s="53" t="s">
        <v>158</v>
      </c>
      <c r="L79" s="54"/>
      <c r="M79" s="52"/>
      <c r="N79" s="74"/>
      <c r="O79" s="69"/>
      <c r="P79" s="75" t="s">
        <v>298</v>
      </c>
    </row>
    <row r="80" spans="1:16" ht="57.6" hidden="1" x14ac:dyDescent="0.3">
      <c r="A80" s="11">
        <v>73</v>
      </c>
      <c r="C80" s="14" t="s">
        <v>112</v>
      </c>
      <c r="D80" s="14">
        <v>79</v>
      </c>
      <c r="E80" s="14" t="s">
        <v>11</v>
      </c>
      <c r="F80" s="15" t="s">
        <v>102</v>
      </c>
      <c r="G80" s="14" t="s">
        <v>1</v>
      </c>
      <c r="J80" s="14" t="s">
        <v>19</v>
      </c>
      <c r="K80" s="17" t="s">
        <v>158</v>
      </c>
      <c r="L80" s="22"/>
      <c r="N80" s="42"/>
      <c r="O80" s="31"/>
      <c r="P80" s="5" t="s">
        <v>299</v>
      </c>
    </row>
    <row r="81" spans="1:16" ht="84.75" hidden="1" customHeight="1" x14ac:dyDescent="0.3">
      <c r="A81" s="11">
        <v>28</v>
      </c>
      <c r="B81" s="14" t="s">
        <v>52</v>
      </c>
      <c r="D81" s="14">
        <v>80</v>
      </c>
      <c r="E81" s="14" t="s">
        <v>11</v>
      </c>
      <c r="F81" s="15" t="s">
        <v>64</v>
      </c>
      <c r="G81" s="14" t="s">
        <v>140</v>
      </c>
      <c r="H81" s="11" t="s">
        <v>11</v>
      </c>
      <c r="J81" s="14" t="s">
        <v>197</v>
      </c>
      <c r="K81" s="17" t="s">
        <v>159</v>
      </c>
      <c r="L81" s="22"/>
      <c r="N81" s="42"/>
      <c r="O81" s="31"/>
      <c r="P81" s="5" t="s">
        <v>300</v>
      </c>
    </row>
    <row r="82" spans="1:16" ht="43.2" hidden="1" x14ac:dyDescent="0.3">
      <c r="A82" s="11">
        <v>29</v>
      </c>
      <c r="B82" s="14" t="s">
        <v>52</v>
      </c>
      <c r="D82" s="14">
        <v>81</v>
      </c>
      <c r="E82" s="14" t="s">
        <v>11</v>
      </c>
      <c r="F82" s="15" t="s">
        <v>65</v>
      </c>
      <c r="G82" s="14" t="s">
        <v>140</v>
      </c>
      <c r="H82" s="11" t="s">
        <v>11</v>
      </c>
      <c r="J82" s="14" t="s">
        <v>19</v>
      </c>
      <c r="K82" s="17" t="s">
        <v>159</v>
      </c>
      <c r="L82" s="22"/>
      <c r="N82" s="42"/>
      <c r="O82" s="31"/>
    </row>
    <row r="83" spans="1:16" ht="43.2" hidden="1" x14ac:dyDescent="0.3">
      <c r="A83" s="11">
        <v>80</v>
      </c>
      <c r="C83" s="14" t="s">
        <v>112</v>
      </c>
      <c r="D83" s="14">
        <v>82</v>
      </c>
      <c r="E83" s="14" t="s">
        <v>11</v>
      </c>
      <c r="F83" s="15" t="s">
        <v>109</v>
      </c>
      <c r="G83" s="14" t="s">
        <v>140</v>
      </c>
      <c r="J83" s="14" t="s">
        <v>197</v>
      </c>
      <c r="K83" s="17"/>
      <c r="L83" s="22"/>
      <c r="N83" s="42"/>
      <c r="O83" s="31"/>
      <c r="P83" s="5" t="s">
        <v>278</v>
      </c>
    </row>
    <row r="84" spans="1:16" ht="58.5" hidden="1" customHeight="1" x14ac:dyDescent="0.3">
      <c r="A84" s="11">
        <v>21</v>
      </c>
      <c r="B84" s="14" t="s">
        <v>52</v>
      </c>
      <c r="D84" s="14">
        <v>83</v>
      </c>
      <c r="E84" s="14" t="s">
        <v>11</v>
      </c>
      <c r="F84" s="15" t="s">
        <v>59</v>
      </c>
      <c r="G84" s="14" t="s">
        <v>135</v>
      </c>
      <c r="H84" s="11" t="s">
        <v>11</v>
      </c>
      <c r="J84" s="14" t="s">
        <v>19</v>
      </c>
      <c r="K84" s="17"/>
      <c r="L84" s="22"/>
      <c r="N84" s="42" t="s">
        <v>189</v>
      </c>
      <c r="O84" s="31"/>
    </row>
    <row r="85" spans="1:16" ht="92.25" hidden="1" customHeight="1" x14ac:dyDescent="0.3">
      <c r="A85" s="11">
        <v>24</v>
      </c>
      <c r="B85" s="14" t="s">
        <v>52</v>
      </c>
      <c r="D85" s="14">
        <v>84</v>
      </c>
      <c r="E85" s="14" t="s">
        <v>11</v>
      </c>
      <c r="F85" s="15" t="s">
        <v>61</v>
      </c>
      <c r="G85" s="14" t="s">
        <v>135</v>
      </c>
      <c r="H85" s="11" t="s">
        <v>11</v>
      </c>
      <c r="J85" s="14" t="s">
        <v>19</v>
      </c>
      <c r="K85" s="17"/>
      <c r="L85" s="22"/>
      <c r="N85" s="33" t="s">
        <v>185</v>
      </c>
      <c r="O85" s="32"/>
    </row>
    <row r="86" spans="1:16" ht="47.25" hidden="1" customHeight="1" x14ac:dyDescent="0.3">
      <c r="A86" s="11">
        <v>26</v>
      </c>
      <c r="B86" s="14" t="s">
        <v>52</v>
      </c>
      <c r="D86" s="14">
        <v>85</v>
      </c>
      <c r="E86" s="14" t="s">
        <v>11</v>
      </c>
      <c r="F86" s="15" t="s">
        <v>63</v>
      </c>
      <c r="G86" s="14" t="s">
        <v>135</v>
      </c>
      <c r="H86" s="11" t="s">
        <v>11</v>
      </c>
      <c r="J86" s="14" t="s">
        <v>19</v>
      </c>
      <c r="K86" s="17"/>
      <c r="L86" s="22"/>
      <c r="N86" s="42" t="s">
        <v>185</v>
      </c>
      <c r="O86" s="31"/>
    </row>
    <row r="87" spans="1:16" ht="78" hidden="1" customHeight="1" x14ac:dyDescent="0.3">
      <c r="A87" s="11">
        <v>27</v>
      </c>
      <c r="B87" s="14" t="s">
        <v>52</v>
      </c>
      <c r="D87" s="14">
        <v>86</v>
      </c>
      <c r="E87" s="14" t="s">
        <v>11</v>
      </c>
      <c r="F87" s="15" t="s">
        <v>257</v>
      </c>
      <c r="G87" s="14" t="s">
        <v>135</v>
      </c>
      <c r="H87" s="11" t="s">
        <v>141</v>
      </c>
      <c r="I87" s="11" t="s">
        <v>16</v>
      </c>
      <c r="J87" s="14" t="s">
        <v>20</v>
      </c>
      <c r="K87" s="17"/>
      <c r="L87" s="23" t="s">
        <v>301</v>
      </c>
      <c r="N87" s="33" t="s">
        <v>208</v>
      </c>
      <c r="O87" s="32"/>
    </row>
    <row r="88" spans="1:16" ht="158.4" hidden="1" x14ac:dyDescent="0.3">
      <c r="A88" s="11">
        <v>31</v>
      </c>
      <c r="B88" s="14" t="s">
        <v>53</v>
      </c>
      <c r="D88" s="14">
        <v>87</v>
      </c>
      <c r="E88" s="13" t="s">
        <v>11</v>
      </c>
      <c r="F88" s="15" t="s">
        <v>209</v>
      </c>
      <c r="G88" s="13" t="s">
        <v>135</v>
      </c>
      <c r="H88" s="18" t="s">
        <v>11</v>
      </c>
      <c r="I88" s="18" t="s">
        <v>15</v>
      </c>
      <c r="J88" s="13" t="s">
        <v>20</v>
      </c>
      <c r="K88" s="17"/>
      <c r="L88" s="22"/>
      <c r="M88" s="11" t="s">
        <v>143</v>
      </c>
      <c r="N88" s="33" t="s">
        <v>302</v>
      </c>
      <c r="O88" s="31"/>
      <c r="P88" s="20"/>
    </row>
    <row r="89" spans="1:16" ht="129.6" hidden="1" x14ac:dyDescent="0.3">
      <c r="A89" s="11">
        <v>32</v>
      </c>
      <c r="B89" s="14" t="s">
        <v>53</v>
      </c>
      <c r="D89" s="14">
        <v>88</v>
      </c>
      <c r="E89" s="13" t="s">
        <v>11</v>
      </c>
      <c r="F89" s="15" t="s">
        <v>210</v>
      </c>
      <c r="G89" s="13" t="s">
        <v>135</v>
      </c>
      <c r="H89" s="18" t="s">
        <v>11</v>
      </c>
      <c r="I89" s="18" t="s">
        <v>15</v>
      </c>
      <c r="J89" s="13" t="s">
        <v>20</v>
      </c>
      <c r="K89" s="17"/>
      <c r="L89" s="22"/>
      <c r="M89" s="11" t="s">
        <v>143</v>
      </c>
      <c r="N89" s="33" t="s">
        <v>303</v>
      </c>
      <c r="O89" s="32"/>
      <c r="P89" s="20"/>
    </row>
    <row r="90" spans="1:16" ht="43.2" hidden="1" x14ac:dyDescent="0.3">
      <c r="A90" s="11">
        <v>33</v>
      </c>
      <c r="B90" s="14" t="s">
        <v>53</v>
      </c>
      <c r="D90" s="14">
        <v>89</v>
      </c>
      <c r="E90" s="14" t="s">
        <v>11</v>
      </c>
      <c r="F90" s="15" t="s">
        <v>67</v>
      </c>
      <c r="G90" s="14" t="s">
        <v>135</v>
      </c>
      <c r="H90" s="11" t="s">
        <v>141</v>
      </c>
      <c r="J90" s="14" t="s">
        <v>19</v>
      </c>
      <c r="K90" s="17"/>
      <c r="L90" s="22"/>
      <c r="N90" s="42" t="s">
        <v>189</v>
      </c>
      <c r="O90" s="31"/>
    </row>
    <row r="91" spans="1:16" ht="94.95" hidden="1" customHeight="1" x14ac:dyDescent="0.3">
      <c r="A91" s="11">
        <v>34</v>
      </c>
      <c r="B91" s="14" t="s">
        <v>53</v>
      </c>
      <c r="D91" s="57">
        <v>90</v>
      </c>
      <c r="E91" s="57" t="s">
        <v>11</v>
      </c>
      <c r="F91" s="58" t="s">
        <v>234</v>
      </c>
      <c r="G91" s="57" t="s">
        <v>135</v>
      </c>
      <c r="H91" s="59" t="s">
        <v>11</v>
      </c>
      <c r="I91" s="59"/>
      <c r="J91" s="57" t="s">
        <v>19</v>
      </c>
      <c r="K91" s="60"/>
      <c r="L91" s="61"/>
      <c r="M91" s="59"/>
      <c r="N91" s="62" t="s">
        <v>189</v>
      </c>
      <c r="O91" s="63"/>
      <c r="P91" s="64" t="s">
        <v>254</v>
      </c>
    </row>
    <row r="92" spans="1:16" ht="216" hidden="1" x14ac:dyDescent="0.3">
      <c r="A92" s="11">
        <v>35</v>
      </c>
      <c r="B92" s="14" t="s">
        <v>53</v>
      </c>
      <c r="D92" s="14">
        <v>91</v>
      </c>
      <c r="E92" s="14" t="s">
        <v>11</v>
      </c>
      <c r="F92" s="15" t="s">
        <v>68</v>
      </c>
      <c r="G92" s="14" t="s">
        <v>135</v>
      </c>
      <c r="H92" s="11" t="s">
        <v>141</v>
      </c>
      <c r="J92" s="14" t="s">
        <v>20</v>
      </c>
      <c r="K92" s="17"/>
      <c r="L92" s="23" t="s">
        <v>203</v>
      </c>
      <c r="N92" s="33" t="s">
        <v>274</v>
      </c>
      <c r="O92" s="31"/>
    </row>
    <row r="93" spans="1:16" ht="115.2" hidden="1" x14ac:dyDescent="0.3">
      <c r="A93" s="11">
        <v>37</v>
      </c>
      <c r="B93" s="14" t="s">
        <v>53</v>
      </c>
      <c r="D93" s="57">
        <v>92</v>
      </c>
      <c r="E93" s="57" t="s">
        <v>11</v>
      </c>
      <c r="F93" s="58" t="s">
        <v>211</v>
      </c>
      <c r="G93" s="57" t="s">
        <v>135</v>
      </c>
      <c r="H93" s="59" t="s">
        <v>141</v>
      </c>
      <c r="I93" s="59"/>
      <c r="J93" s="57" t="s">
        <v>19</v>
      </c>
      <c r="K93" s="60"/>
      <c r="L93" s="61"/>
      <c r="M93" s="59"/>
      <c r="N93" s="62" t="s">
        <v>189</v>
      </c>
      <c r="O93" s="63"/>
      <c r="P93" s="67" t="s">
        <v>253</v>
      </c>
    </row>
    <row r="94" spans="1:16" ht="43.2" hidden="1" x14ac:dyDescent="0.3">
      <c r="A94" s="11">
        <v>38</v>
      </c>
      <c r="B94" s="14" t="s">
        <v>53</v>
      </c>
      <c r="D94" s="14">
        <v>93</v>
      </c>
      <c r="E94" s="14" t="s">
        <v>11</v>
      </c>
      <c r="F94" s="15" t="s">
        <v>70</v>
      </c>
      <c r="G94" s="14" t="s">
        <v>135</v>
      </c>
      <c r="H94" s="11" t="s">
        <v>141</v>
      </c>
      <c r="I94" s="11" t="s">
        <v>15</v>
      </c>
      <c r="J94" s="14" t="s">
        <v>20</v>
      </c>
      <c r="K94" s="17"/>
      <c r="L94" s="23" t="s">
        <v>204</v>
      </c>
      <c r="N94" s="42" t="s">
        <v>201</v>
      </c>
      <c r="O94" s="31"/>
      <c r="P94" s="80" t="s">
        <v>320</v>
      </c>
    </row>
    <row r="95" spans="1:16" ht="43.2" hidden="1" x14ac:dyDescent="0.3">
      <c r="A95" s="11">
        <v>39</v>
      </c>
      <c r="B95" s="14" t="s">
        <v>53</v>
      </c>
      <c r="D95" s="14">
        <v>94</v>
      </c>
      <c r="E95" s="14" t="s">
        <v>11</v>
      </c>
      <c r="F95" s="15" t="s">
        <v>212</v>
      </c>
      <c r="G95" s="14" t="s">
        <v>135</v>
      </c>
      <c r="H95" s="11" t="s">
        <v>141</v>
      </c>
      <c r="I95" s="11" t="s">
        <v>15</v>
      </c>
      <c r="J95" s="14" t="s">
        <v>20</v>
      </c>
      <c r="K95" s="17"/>
      <c r="L95" s="23" t="s">
        <v>204</v>
      </c>
      <c r="N95" s="33" t="s">
        <v>213</v>
      </c>
      <c r="O95" s="32"/>
      <c r="P95" s="80" t="s">
        <v>320</v>
      </c>
    </row>
    <row r="96" spans="1:16" ht="43.2" hidden="1" x14ac:dyDescent="0.3">
      <c r="A96" s="11">
        <v>41</v>
      </c>
      <c r="B96" s="14" t="s">
        <v>53</v>
      </c>
      <c r="D96" s="14">
        <v>95</v>
      </c>
      <c r="E96" s="14" t="s">
        <v>11</v>
      </c>
      <c r="F96" s="15" t="s">
        <v>72</v>
      </c>
      <c r="G96" s="14" t="s">
        <v>135</v>
      </c>
      <c r="H96" s="11" t="s">
        <v>11</v>
      </c>
      <c r="J96" s="14" t="s">
        <v>19</v>
      </c>
      <c r="K96" s="17"/>
      <c r="L96" s="22"/>
      <c r="N96" s="42" t="s">
        <v>189</v>
      </c>
      <c r="O96" s="31"/>
    </row>
    <row r="97" spans="1:16" ht="100.8" hidden="1" x14ac:dyDescent="0.3">
      <c r="A97" s="11">
        <v>47</v>
      </c>
      <c r="B97" s="14" t="s">
        <v>54</v>
      </c>
      <c r="C97" s="14" t="s">
        <v>79</v>
      </c>
      <c r="D97" s="14">
        <v>96</v>
      </c>
      <c r="E97" s="14" t="s">
        <v>11</v>
      </c>
      <c r="F97" s="15" t="s">
        <v>74</v>
      </c>
      <c r="G97" s="14" t="s">
        <v>135</v>
      </c>
      <c r="H97" s="11" t="s">
        <v>11</v>
      </c>
      <c r="J97" s="14" t="s">
        <v>20</v>
      </c>
      <c r="K97" s="17"/>
      <c r="L97" s="22"/>
      <c r="N97" s="33" t="s">
        <v>304</v>
      </c>
      <c r="O97" s="32"/>
    </row>
    <row r="98" spans="1:16" ht="57.6" hidden="1" x14ac:dyDescent="0.3">
      <c r="A98" s="11">
        <v>49</v>
      </c>
      <c r="B98" s="14" t="s">
        <v>54</v>
      </c>
      <c r="C98" s="14" t="s">
        <v>78</v>
      </c>
      <c r="D98" s="50">
        <v>97</v>
      </c>
      <c r="E98" s="50" t="s">
        <v>11</v>
      </c>
      <c r="F98" s="51" t="s">
        <v>214</v>
      </c>
      <c r="G98" s="50" t="s">
        <v>135</v>
      </c>
      <c r="H98" s="52" t="s">
        <v>11</v>
      </c>
      <c r="I98" s="52"/>
      <c r="J98" s="68" t="s">
        <v>22</v>
      </c>
      <c r="K98" s="53"/>
      <c r="L98" s="54"/>
      <c r="M98" s="52"/>
      <c r="N98" s="55" t="s">
        <v>202</v>
      </c>
      <c r="O98" s="76"/>
      <c r="P98" s="53" t="s">
        <v>305</v>
      </c>
    </row>
    <row r="99" spans="1:16" ht="86.4" hidden="1" x14ac:dyDescent="0.3">
      <c r="A99" s="11">
        <v>50</v>
      </c>
      <c r="B99" s="14" t="s">
        <v>55</v>
      </c>
      <c r="C99" s="14" t="s">
        <v>80</v>
      </c>
      <c r="D99" s="14">
        <v>98</v>
      </c>
      <c r="E99" s="14" t="s">
        <v>11</v>
      </c>
      <c r="F99" s="15" t="s">
        <v>76</v>
      </c>
      <c r="G99" s="14" t="s">
        <v>135</v>
      </c>
      <c r="H99" s="11" t="s">
        <v>11</v>
      </c>
      <c r="J99" s="14" t="s">
        <v>20</v>
      </c>
      <c r="K99" s="17"/>
      <c r="L99" s="22"/>
      <c r="N99" s="33" t="s">
        <v>306</v>
      </c>
      <c r="O99" s="31"/>
    </row>
    <row r="100" spans="1:16" ht="129.6" hidden="1" x14ac:dyDescent="0.3">
      <c r="A100" s="52">
        <v>25</v>
      </c>
      <c r="B100" s="50" t="s">
        <v>52</v>
      </c>
      <c r="C100" s="50"/>
      <c r="D100" s="50">
        <v>99</v>
      </c>
      <c r="E100" s="50" t="s">
        <v>11</v>
      </c>
      <c r="F100" s="51" t="s">
        <v>62</v>
      </c>
      <c r="G100" s="50" t="s">
        <v>134</v>
      </c>
      <c r="H100" s="52" t="s">
        <v>11</v>
      </c>
      <c r="I100" s="52"/>
      <c r="J100" s="68" t="s">
        <v>22</v>
      </c>
      <c r="K100" s="53"/>
      <c r="L100" s="54"/>
      <c r="M100" s="52"/>
      <c r="N100" s="55" t="s">
        <v>244</v>
      </c>
      <c r="O100" s="69"/>
      <c r="P100" s="53"/>
    </row>
    <row r="101" spans="1:16" ht="57.6" hidden="1" x14ac:dyDescent="0.3">
      <c r="A101" s="11">
        <v>36</v>
      </c>
      <c r="B101" s="14" t="s">
        <v>53</v>
      </c>
      <c r="D101" s="50">
        <v>100</v>
      </c>
      <c r="E101" s="50" t="s">
        <v>11</v>
      </c>
      <c r="F101" s="51" t="s">
        <v>69</v>
      </c>
      <c r="G101" s="50" t="s">
        <v>134</v>
      </c>
      <c r="H101" s="52" t="s">
        <v>141</v>
      </c>
      <c r="I101" s="52"/>
      <c r="J101" s="68" t="s">
        <v>22</v>
      </c>
      <c r="K101" s="53"/>
      <c r="L101" s="54" t="s">
        <v>307</v>
      </c>
      <c r="M101" s="52"/>
      <c r="N101" s="55" t="s">
        <v>308</v>
      </c>
      <c r="O101" s="69"/>
      <c r="P101" s="53"/>
    </row>
    <row r="102" spans="1:16" ht="81.75" hidden="1" customHeight="1" x14ac:dyDescent="0.3">
      <c r="A102" s="11">
        <v>43</v>
      </c>
      <c r="B102" s="14" t="s">
        <v>54</v>
      </c>
      <c r="C102" s="14" t="s">
        <v>78</v>
      </c>
      <c r="D102" s="50">
        <v>101</v>
      </c>
      <c r="E102" s="50" t="s">
        <v>11</v>
      </c>
      <c r="F102" s="51" t="s">
        <v>215</v>
      </c>
      <c r="G102" s="50" t="s">
        <v>134</v>
      </c>
      <c r="H102" s="52" t="s">
        <v>23</v>
      </c>
      <c r="I102" s="52"/>
      <c r="J102" s="68" t="s">
        <v>22</v>
      </c>
      <c r="K102" s="53"/>
      <c r="L102" s="54"/>
      <c r="M102" s="52"/>
      <c r="N102" s="55" t="s">
        <v>245</v>
      </c>
      <c r="O102" s="55"/>
      <c r="P102" s="53"/>
    </row>
    <row r="103" spans="1:16" ht="225" hidden="1" customHeight="1" x14ac:dyDescent="0.3">
      <c r="A103" s="11">
        <v>44</v>
      </c>
      <c r="B103" s="14" t="s">
        <v>54</v>
      </c>
      <c r="C103" s="14" t="s">
        <v>78</v>
      </c>
      <c r="D103" s="50">
        <v>102</v>
      </c>
      <c r="E103" s="50" t="s">
        <v>11</v>
      </c>
      <c r="F103" s="51" t="s">
        <v>216</v>
      </c>
      <c r="G103" s="50" t="s">
        <v>134</v>
      </c>
      <c r="H103" s="52" t="s">
        <v>23</v>
      </c>
      <c r="I103" s="52"/>
      <c r="J103" s="68" t="s">
        <v>22</v>
      </c>
      <c r="K103" s="53"/>
      <c r="L103" s="54"/>
      <c r="M103" s="52"/>
      <c r="N103" s="55" t="s">
        <v>246</v>
      </c>
      <c r="O103" s="56"/>
      <c r="P103" s="53"/>
    </row>
    <row r="104" spans="1:16" ht="84.75" hidden="1" customHeight="1" x14ac:dyDescent="0.3">
      <c r="A104" s="11">
        <v>45</v>
      </c>
      <c r="B104" s="14" t="s">
        <v>54</v>
      </c>
      <c r="C104" s="14" t="s">
        <v>78</v>
      </c>
      <c r="D104" s="50">
        <v>103</v>
      </c>
      <c r="E104" s="50" t="s">
        <v>11</v>
      </c>
      <c r="F104" s="51" t="s">
        <v>217</v>
      </c>
      <c r="G104" s="50" t="s">
        <v>134</v>
      </c>
      <c r="H104" s="52" t="s">
        <v>11</v>
      </c>
      <c r="I104" s="52"/>
      <c r="J104" s="68" t="s">
        <v>22</v>
      </c>
      <c r="K104" s="53"/>
      <c r="L104" s="54"/>
      <c r="M104" s="52"/>
      <c r="N104" s="55" t="s">
        <v>309</v>
      </c>
      <c r="O104" s="55"/>
      <c r="P104" s="53"/>
    </row>
    <row r="105" spans="1:16" ht="136.5" hidden="1" customHeight="1" x14ac:dyDescent="0.3">
      <c r="A105" s="11">
        <v>46</v>
      </c>
      <c r="B105" s="14" t="s">
        <v>54</v>
      </c>
      <c r="C105" s="14" t="s">
        <v>78</v>
      </c>
      <c r="D105" s="50">
        <v>104</v>
      </c>
      <c r="E105" s="50" t="s">
        <v>11</v>
      </c>
      <c r="F105" s="51" t="s">
        <v>218</v>
      </c>
      <c r="G105" s="50" t="s">
        <v>134</v>
      </c>
      <c r="H105" s="52" t="s">
        <v>11</v>
      </c>
      <c r="I105" s="52"/>
      <c r="J105" s="68" t="s">
        <v>22</v>
      </c>
      <c r="K105" s="53"/>
      <c r="L105" s="54"/>
      <c r="M105" s="52"/>
      <c r="N105" s="55" t="s">
        <v>310</v>
      </c>
      <c r="O105" s="55"/>
      <c r="P105" s="53"/>
    </row>
    <row r="106" spans="1:16" ht="47.25" hidden="1" customHeight="1" x14ac:dyDescent="0.3">
      <c r="A106" s="11">
        <v>51</v>
      </c>
      <c r="B106" s="14" t="s">
        <v>55</v>
      </c>
      <c r="C106" s="14" t="s">
        <v>81</v>
      </c>
      <c r="D106" s="14">
        <v>105</v>
      </c>
      <c r="E106" s="14" t="s">
        <v>11</v>
      </c>
      <c r="F106" s="15" t="s">
        <v>77</v>
      </c>
      <c r="G106" s="14" t="s">
        <v>134</v>
      </c>
      <c r="H106" s="11" t="s">
        <v>23</v>
      </c>
      <c r="J106" s="14" t="s">
        <v>19</v>
      </c>
      <c r="K106" s="17"/>
      <c r="L106" s="23" t="s">
        <v>180</v>
      </c>
      <c r="N106" s="33" t="s">
        <v>201</v>
      </c>
      <c r="O106" s="33"/>
    </row>
    <row r="107" spans="1:16" ht="86.25" hidden="1" customHeight="1" x14ac:dyDescent="0.3">
      <c r="A107" s="59">
        <v>52</v>
      </c>
      <c r="B107" s="57" t="s">
        <v>56</v>
      </c>
      <c r="C107" s="57" t="s">
        <v>56</v>
      </c>
      <c r="D107" s="57">
        <v>106</v>
      </c>
      <c r="E107" s="57" t="s">
        <v>11</v>
      </c>
      <c r="F107" s="58" t="s">
        <v>235</v>
      </c>
      <c r="G107" s="57" t="s">
        <v>134</v>
      </c>
      <c r="H107" s="59" t="s">
        <v>141</v>
      </c>
      <c r="I107" s="59" t="s">
        <v>16</v>
      </c>
      <c r="J107" s="57" t="s">
        <v>19</v>
      </c>
      <c r="K107" s="60"/>
      <c r="L107" s="61" t="s">
        <v>236</v>
      </c>
      <c r="M107" s="59"/>
      <c r="N107" s="65" t="s">
        <v>201</v>
      </c>
      <c r="O107" s="66"/>
      <c r="P107" s="64" t="s">
        <v>252</v>
      </c>
    </row>
    <row r="108" spans="1:16" ht="86.25" hidden="1" customHeight="1" x14ac:dyDescent="0.3">
      <c r="A108" s="11">
        <v>53</v>
      </c>
      <c r="B108" s="14" t="s">
        <v>57</v>
      </c>
      <c r="D108" s="14">
        <v>107</v>
      </c>
      <c r="E108" s="14" t="s">
        <v>11</v>
      </c>
      <c r="F108" s="15" t="s">
        <v>82</v>
      </c>
      <c r="G108" s="14" t="s">
        <v>134</v>
      </c>
      <c r="H108" s="11" t="s">
        <v>11</v>
      </c>
      <c r="I108" s="11" t="s">
        <v>16</v>
      </c>
      <c r="J108" s="14" t="s">
        <v>20</v>
      </c>
      <c r="K108" s="17"/>
      <c r="L108" s="22"/>
      <c r="M108" s="11" t="s">
        <v>145</v>
      </c>
      <c r="N108" s="33" t="s">
        <v>190</v>
      </c>
      <c r="O108" s="32"/>
    </row>
    <row r="109" spans="1:16" ht="57.6" hidden="1" x14ac:dyDescent="0.3">
      <c r="A109" s="11">
        <v>56</v>
      </c>
      <c r="B109" s="14" t="s">
        <v>58</v>
      </c>
      <c r="C109" s="14" t="s">
        <v>56</v>
      </c>
      <c r="D109" s="14">
        <v>108</v>
      </c>
      <c r="E109" s="14" t="s">
        <v>11</v>
      </c>
      <c r="F109" s="15" t="s">
        <v>84</v>
      </c>
      <c r="G109" s="14" t="s">
        <v>134</v>
      </c>
      <c r="H109" s="11" t="s">
        <v>11</v>
      </c>
      <c r="J109" s="14" t="s">
        <v>19</v>
      </c>
      <c r="K109" s="17"/>
      <c r="L109" s="22"/>
      <c r="N109" s="42" t="s">
        <v>190</v>
      </c>
      <c r="O109" s="31"/>
    </row>
    <row r="110" spans="1:16" ht="171.75" hidden="1" customHeight="1" x14ac:dyDescent="0.3">
      <c r="A110" s="11">
        <v>58</v>
      </c>
      <c r="B110" s="14" t="s">
        <v>58</v>
      </c>
      <c r="C110" s="14" t="s">
        <v>92</v>
      </c>
      <c r="D110" s="14">
        <v>109</v>
      </c>
      <c r="E110" s="14" t="s">
        <v>11</v>
      </c>
      <c r="F110" s="15" t="s">
        <v>86</v>
      </c>
      <c r="G110" s="14" t="s">
        <v>134</v>
      </c>
      <c r="H110" s="11" t="s">
        <v>23</v>
      </c>
      <c r="I110" s="11" t="s">
        <v>15</v>
      </c>
      <c r="J110" s="14" t="s">
        <v>20</v>
      </c>
      <c r="K110" s="17"/>
      <c r="L110" s="22"/>
      <c r="M110" s="11" t="s">
        <v>145</v>
      </c>
      <c r="N110" s="33" t="s">
        <v>190</v>
      </c>
      <c r="O110" s="33"/>
    </row>
    <row r="111" spans="1:16" ht="28.8" hidden="1" x14ac:dyDescent="0.3">
      <c r="A111" s="11">
        <v>61</v>
      </c>
      <c r="B111" s="14" t="s">
        <v>58</v>
      </c>
      <c r="C111" s="14" t="s">
        <v>92</v>
      </c>
      <c r="D111" s="14">
        <v>110</v>
      </c>
      <c r="E111" s="14" t="s">
        <v>11</v>
      </c>
      <c r="F111" s="15" t="s">
        <v>88</v>
      </c>
      <c r="G111" s="14" t="s">
        <v>134</v>
      </c>
      <c r="H111" s="11" t="s">
        <v>11</v>
      </c>
      <c r="I111" s="11" t="s">
        <v>16</v>
      </c>
      <c r="J111" s="14" t="s">
        <v>19</v>
      </c>
      <c r="L111" s="22"/>
      <c r="N111" s="42" t="s">
        <v>190</v>
      </c>
      <c r="O111" s="31"/>
    </row>
    <row r="112" spans="1:16" ht="86.4" hidden="1" x14ac:dyDescent="0.3">
      <c r="A112" s="11">
        <v>63</v>
      </c>
      <c r="B112" s="14" t="s">
        <v>58</v>
      </c>
      <c r="D112" s="14">
        <v>111</v>
      </c>
      <c r="E112" s="14" t="s">
        <v>11</v>
      </c>
      <c r="F112" s="15" t="s">
        <v>90</v>
      </c>
      <c r="G112" s="14" t="s">
        <v>134</v>
      </c>
      <c r="H112" s="11" t="s">
        <v>11</v>
      </c>
      <c r="I112" s="11" t="s">
        <v>16</v>
      </c>
      <c r="J112" s="14" t="s">
        <v>20</v>
      </c>
      <c r="L112" s="22"/>
      <c r="N112" s="33" t="s">
        <v>275</v>
      </c>
      <c r="O112" s="33"/>
    </row>
    <row r="113" spans="1:16" ht="134.25" hidden="1" customHeight="1" x14ac:dyDescent="0.3">
      <c r="A113" s="11">
        <v>23</v>
      </c>
      <c r="B113" s="14" t="s">
        <v>52</v>
      </c>
      <c r="D113" s="14">
        <v>112</v>
      </c>
      <c r="E113" s="14" t="s">
        <v>11</v>
      </c>
      <c r="F113" s="15" t="s">
        <v>219</v>
      </c>
      <c r="G113" s="14" t="s">
        <v>140</v>
      </c>
      <c r="H113" s="11" t="s">
        <v>11</v>
      </c>
      <c r="J113" s="14" t="s">
        <v>197</v>
      </c>
      <c r="L113" s="22"/>
      <c r="N113" s="33" t="s">
        <v>311</v>
      </c>
      <c r="O113" s="33"/>
      <c r="P113" s="5" t="s">
        <v>312</v>
      </c>
    </row>
    <row r="114" spans="1:16" ht="100.8" hidden="1" x14ac:dyDescent="0.3">
      <c r="D114" s="14">
        <v>113</v>
      </c>
      <c r="E114" s="14" t="s">
        <v>178</v>
      </c>
      <c r="F114" s="15" t="s">
        <v>173</v>
      </c>
      <c r="G114" s="14" t="s">
        <v>134</v>
      </c>
      <c r="H114" s="11" t="s">
        <v>11</v>
      </c>
      <c r="J114" s="14" t="s">
        <v>19</v>
      </c>
      <c r="N114" s="42"/>
      <c r="O114" s="31"/>
      <c r="P114" s="28"/>
    </row>
    <row r="115" spans="1:16" ht="72" hidden="1" x14ac:dyDescent="0.3">
      <c r="D115" s="14">
        <v>114</v>
      </c>
      <c r="E115" s="14" t="s">
        <v>178</v>
      </c>
      <c r="F115" s="15" t="s">
        <v>174</v>
      </c>
      <c r="G115" s="14" t="s">
        <v>134</v>
      </c>
      <c r="H115" s="11" t="s">
        <v>11</v>
      </c>
      <c r="J115" s="14" t="s">
        <v>19</v>
      </c>
      <c r="N115" s="42"/>
      <c r="O115" s="31"/>
      <c r="P115" s="28"/>
    </row>
    <row r="116" spans="1:16" ht="100.8" hidden="1" x14ac:dyDescent="0.3">
      <c r="D116" s="14">
        <v>115</v>
      </c>
      <c r="E116" s="14" t="s">
        <v>178</v>
      </c>
      <c r="F116" s="15" t="s">
        <v>175</v>
      </c>
      <c r="G116" s="14" t="s">
        <v>134</v>
      </c>
      <c r="H116" s="11" t="s">
        <v>188</v>
      </c>
      <c r="J116" s="14" t="s">
        <v>19</v>
      </c>
      <c r="N116" s="42"/>
      <c r="O116" s="31"/>
      <c r="P116" s="28"/>
    </row>
    <row r="117" spans="1:16" ht="65.25" hidden="1" customHeight="1" x14ac:dyDescent="0.3">
      <c r="D117" s="14">
        <v>116</v>
      </c>
      <c r="E117" s="14" t="s">
        <v>178</v>
      </c>
      <c r="F117" s="15" t="s">
        <v>176</v>
      </c>
      <c r="G117" s="14" t="s">
        <v>135</v>
      </c>
      <c r="H117" s="11" t="s">
        <v>11</v>
      </c>
      <c r="J117" s="14" t="s">
        <v>19</v>
      </c>
      <c r="N117" s="42"/>
      <c r="O117" s="31"/>
      <c r="P117" s="28"/>
    </row>
    <row r="118" spans="1:16" ht="93" hidden="1" customHeight="1" x14ac:dyDescent="0.3">
      <c r="D118" s="14">
        <v>117</v>
      </c>
      <c r="E118" s="14" t="s">
        <v>178</v>
      </c>
      <c r="F118" s="15" t="s">
        <v>177</v>
      </c>
      <c r="G118" s="14" t="s">
        <v>135</v>
      </c>
      <c r="H118" s="11" t="s">
        <v>11</v>
      </c>
      <c r="J118" s="14" t="s">
        <v>19</v>
      </c>
      <c r="N118" s="42"/>
      <c r="O118" s="31"/>
      <c r="P118" s="28"/>
    </row>
    <row r="119" spans="1:16" ht="168.6" customHeight="1" x14ac:dyDescent="0.3">
      <c r="D119" s="14">
        <v>118</v>
      </c>
      <c r="E119" s="13" t="s">
        <v>163</v>
      </c>
      <c r="F119" s="19" t="s">
        <v>164</v>
      </c>
      <c r="G119" s="13" t="s">
        <v>1</v>
      </c>
      <c r="H119" s="18" t="s">
        <v>313</v>
      </c>
      <c r="I119" s="18" t="s">
        <v>16</v>
      </c>
      <c r="J119" s="13" t="s">
        <v>19</v>
      </c>
      <c r="K119" s="17"/>
      <c r="L119" s="22"/>
      <c r="N119" s="34" t="s">
        <v>314</v>
      </c>
      <c r="O119" s="38" t="s">
        <v>332</v>
      </c>
    </row>
    <row r="120" spans="1:16" ht="108.75" hidden="1" customHeight="1" x14ac:dyDescent="0.3">
      <c r="D120" s="14">
        <v>119</v>
      </c>
      <c r="E120" s="13" t="s">
        <v>11</v>
      </c>
      <c r="F120" s="19" t="s">
        <v>220</v>
      </c>
      <c r="G120" s="13" t="s">
        <v>134</v>
      </c>
      <c r="H120" s="18" t="s">
        <v>11</v>
      </c>
      <c r="I120" s="18" t="s">
        <v>15</v>
      </c>
      <c r="J120" s="13" t="s">
        <v>20</v>
      </c>
      <c r="K120" s="17"/>
      <c r="L120" s="22"/>
      <c r="N120" s="34" t="s">
        <v>201</v>
      </c>
      <c r="O120" s="34"/>
    </row>
    <row r="121" spans="1:16" ht="153" hidden="1" customHeight="1" x14ac:dyDescent="0.3">
      <c r="D121" s="50">
        <v>120</v>
      </c>
      <c r="E121" s="77" t="s">
        <v>184</v>
      </c>
      <c r="F121" s="78" t="s">
        <v>221</v>
      </c>
      <c r="G121" s="50" t="s">
        <v>134</v>
      </c>
      <c r="H121" s="52" t="s">
        <v>18</v>
      </c>
      <c r="I121" s="52"/>
      <c r="J121" s="68" t="s">
        <v>22</v>
      </c>
      <c r="K121" s="53"/>
      <c r="L121" s="54" t="s">
        <v>315</v>
      </c>
      <c r="M121" s="52"/>
      <c r="N121" s="74"/>
      <c r="O121" s="69"/>
      <c r="P121" s="79"/>
    </row>
    <row r="122" spans="1:16" ht="120.75" hidden="1" customHeight="1" x14ac:dyDescent="0.3">
      <c r="D122" s="14">
        <v>121</v>
      </c>
      <c r="E122" s="28" t="s">
        <v>182</v>
      </c>
      <c r="F122" s="29" t="s">
        <v>181</v>
      </c>
      <c r="G122" s="14" t="s">
        <v>135</v>
      </c>
      <c r="H122" s="11" t="s">
        <v>18</v>
      </c>
      <c r="J122" s="14" t="s">
        <v>19</v>
      </c>
      <c r="L122" s="23" t="s">
        <v>247</v>
      </c>
      <c r="N122" s="42"/>
      <c r="O122" s="31"/>
      <c r="P122" s="21"/>
    </row>
    <row r="123" spans="1:16" ht="86.4" hidden="1" x14ac:dyDescent="0.3">
      <c r="D123" s="14">
        <v>122</v>
      </c>
      <c r="E123" s="28" t="s">
        <v>182</v>
      </c>
      <c r="F123" s="29" t="s">
        <v>183</v>
      </c>
      <c r="G123" s="14" t="s">
        <v>135</v>
      </c>
      <c r="H123" s="11" t="s">
        <v>18</v>
      </c>
      <c r="J123" s="14" t="s">
        <v>20</v>
      </c>
      <c r="L123" s="23" t="s">
        <v>321</v>
      </c>
      <c r="N123" s="42"/>
      <c r="O123" s="31"/>
      <c r="P123" s="21"/>
    </row>
    <row r="124" spans="1:16" s="46" customFormat="1" ht="57.6" hidden="1" x14ac:dyDescent="0.3">
      <c r="A124" s="18"/>
      <c r="B124" s="13"/>
      <c r="C124" s="13"/>
      <c r="D124" s="26">
        <v>123</v>
      </c>
      <c r="E124" s="26"/>
      <c r="F124" s="29" t="s">
        <v>237</v>
      </c>
      <c r="G124" s="26" t="s">
        <v>134</v>
      </c>
      <c r="H124" s="49" t="s">
        <v>11</v>
      </c>
      <c r="I124" s="49"/>
      <c r="J124" s="26" t="s">
        <v>20</v>
      </c>
      <c r="K124" s="27"/>
      <c r="L124" s="23"/>
      <c r="M124" s="18"/>
      <c r="N124" s="34" t="s">
        <v>238</v>
      </c>
      <c r="O124" s="45"/>
      <c r="P124" s="21"/>
    </row>
    <row r="125" spans="1:16" s="46" customFormat="1" ht="43.2" hidden="1" x14ac:dyDescent="0.3">
      <c r="A125" s="18"/>
      <c r="B125" s="13"/>
      <c r="C125" s="13"/>
      <c r="D125" s="26">
        <v>124</v>
      </c>
      <c r="E125" s="26"/>
      <c r="F125" s="29" t="s">
        <v>229</v>
      </c>
      <c r="G125" s="26" t="s">
        <v>134</v>
      </c>
      <c r="H125" s="49" t="s">
        <v>18</v>
      </c>
      <c r="I125" s="49"/>
      <c r="J125" s="26" t="s">
        <v>19</v>
      </c>
      <c r="K125" s="27"/>
      <c r="L125" s="23" t="s">
        <v>203</v>
      </c>
      <c r="M125" s="18"/>
      <c r="N125" s="47"/>
      <c r="O125" s="48"/>
      <c r="P125" s="17"/>
    </row>
    <row r="126" spans="1:16" s="46" customFormat="1" ht="129.6" hidden="1" x14ac:dyDescent="0.3">
      <c r="A126" s="18"/>
      <c r="B126" s="13"/>
      <c r="C126" s="13"/>
      <c r="D126" s="26">
        <v>125</v>
      </c>
      <c r="E126" s="26"/>
      <c r="F126" s="29" t="s">
        <v>250</v>
      </c>
      <c r="G126" s="26" t="s">
        <v>134</v>
      </c>
      <c r="H126" s="49" t="s">
        <v>10</v>
      </c>
      <c r="I126" s="49"/>
      <c r="J126" s="26" t="s">
        <v>19</v>
      </c>
      <c r="K126" s="27"/>
      <c r="L126" s="23"/>
      <c r="M126" s="18"/>
      <c r="N126" s="47"/>
      <c r="O126" s="38" t="s">
        <v>333</v>
      </c>
      <c r="P126" s="17"/>
    </row>
    <row r="127" spans="1:16" ht="93" hidden="1" customHeight="1" x14ac:dyDescent="0.3">
      <c r="D127" s="14">
        <v>126</v>
      </c>
      <c r="F127" s="15" t="s">
        <v>249</v>
      </c>
      <c r="G127" s="14" t="s">
        <v>134</v>
      </c>
      <c r="H127" s="11" t="s">
        <v>10</v>
      </c>
      <c r="J127" s="14" t="s">
        <v>20</v>
      </c>
      <c r="L127" s="22"/>
      <c r="O127" s="38" t="s">
        <v>334</v>
      </c>
    </row>
    <row r="128" spans="1:16" ht="54.75" hidden="1" customHeight="1" x14ac:dyDescent="0.3">
      <c r="D128" s="14">
        <v>127</v>
      </c>
      <c r="F128" s="15" t="s">
        <v>264</v>
      </c>
      <c r="G128" s="14" t="s">
        <v>134</v>
      </c>
      <c r="H128" s="11" t="s">
        <v>23</v>
      </c>
      <c r="J128" s="14" t="s">
        <v>20</v>
      </c>
      <c r="L128" s="22"/>
      <c r="N128" s="33" t="s">
        <v>265</v>
      </c>
    </row>
    <row r="129" spans="4:12" ht="100.8" hidden="1" x14ac:dyDescent="0.3">
      <c r="D129" s="14">
        <v>128</v>
      </c>
      <c r="F129" s="15" t="s">
        <v>276</v>
      </c>
      <c r="G129" s="14" t="s">
        <v>134</v>
      </c>
      <c r="H129" s="11" t="s">
        <v>18</v>
      </c>
      <c r="J129" s="14" t="s">
        <v>20</v>
      </c>
      <c r="L129" s="22" t="s">
        <v>277</v>
      </c>
    </row>
    <row r="130" spans="4:12" x14ac:dyDescent="0.3">
      <c r="F130" s="15"/>
      <c r="L130" s="22"/>
    </row>
    <row r="131" spans="4:12" x14ac:dyDescent="0.3">
      <c r="F131" s="15"/>
      <c r="L131" s="22"/>
    </row>
    <row r="132" spans="4:12" x14ac:dyDescent="0.3">
      <c r="F132" s="15"/>
      <c r="L132" s="22"/>
    </row>
    <row r="133" spans="4:12" x14ac:dyDescent="0.3">
      <c r="F133" s="15"/>
    </row>
    <row r="134" spans="4:12" x14ac:dyDescent="0.3">
      <c r="F134" s="15"/>
    </row>
    <row r="135" spans="4:12" x14ac:dyDescent="0.3">
      <c r="F135" s="15"/>
    </row>
    <row r="136" spans="4:12" x14ac:dyDescent="0.3">
      <c r="F136" s="15"/>
    </row>
    <row r="137" spans="4:12" x14ac:dyDescent="0.3">
      <c r="F137" s="15"/>
    </row>
    <row r="138" spans="4:12" x14ac:dyDescent="0.3">
      <c r="F138" s="15"/>
    </row>
    <row r="139" spans="4:12" x14ac:dyDescent="0.3">
      <c r="F139" s="15"/>
    </row>
    <row r="140" spans="4:12" x14ac:dyDescent="0.3">
      <c r="F140" s="15"/>
    </row>
    <row r="141" spans="4:12" x14ac:dyDescent="0.3">
      <c r="F141" s="15"/>
    </row>
    <row r="142" spans="4:12" x14ac:dyDescent="0.3">
      <c r="F142" s="15"/>
    </row>
    <row r="143" spans="4:12" x14ac:dyDescent="0.3">
      <c r="F143" s="15"/>
    </row>
    <row r="144" spans="4:12" x14ac:dyDescent="0.3">
      <c r="F144" s="15"/>
    </row>
    <row r="145" spans="6:6" x14ac:dyDescent="0.3">
      <c r="F145" s="15"/>
    </row>
    <row r="146" spans="6:6" x14ac:dyDescent="0.3">
      <c r="F146" s="15"/>
    </row>
    <row r="147" spans="6:6" x14ac:dyDescent="0.3">
      <c r="F147" s="15"/>
    </row>
    <row r="148" spans="6:6" x14ac:dyDescent="0.3">
      <c r="F148" s="15"/>
    </row>
    <row r="149" spans="6:6" x14ac:dyDescent="0.3">
      <c r="F149" s="15"/>
    </row>
    <row r="150" spans="6:6" x14ac:dyDescent="0.3">
      <c r="F150" s="15"/>
    </row>
    <row r="151" spans="6:6" x14ac:dyDescent="0.3">
      <c r="F151" s="15"/>
    </row>
    <row r="152" spans="6:6" x14ac:dyDescent="0.3">
      <c r="F152" s="15"/>
    </row>
    <row r="153" spans="6:6" x14ac:dyDescent="0.3">
      <c r="F153" s="15"/>
    </row>
    <row r="154" spans="6:6" x14ac:dyDescent="0.3">
      <c r="F154" s="15"/>
    </row>
    <row r="155" spans="6:6" x14ac:dyDescent="0.3">
      <c r="F155" s="15"/>
    </row>
    <row r="156" spans="6:6" x14ac:dyDescent="0.3">
      <c r="F156" s="15"/>
    </row>
    <row r="157" spans="6:6" x14ac:dyDescent="0.3">
      <c r="F157" s="15"/>
    </row>
    <row r="158" spans="6:6" x14ac:dyDescent="0.3">
      <c r="F158" s="15"/>
    </row>
    <row r="159" spans="6:6" x14ac:dyDescent="0.3">
      <c r="F159" s="15"/>
    </row>
    <row r="160" spans="6:6" x14ac:dyDescent="0.3">
      <c r="F160" s="15"/>
    </row>
    <row r="161" spans="6:6" x14ac:dyDescent="0.3">
      <c r="F161" s="15"/>
    </row>
    <row r="162" spans="6:6" x14ac:dyDescent="0.3">
      <c r="F162" s="15"/>
    </row>
    <row r="163" spans="6:6" x14ac:dyDescent="0.3">
      <c r="F163" s="15"/>
    </row>
    <row r="164" spans="6:6" x14ac:dyDescent="0.3">
      <c r="F164" s="15"/>
    </row>
    <row r="165" spans="6:6" x14ac:dyDescent="0.3">
      <c r="F165" s="15"/>
    </row>
    <row r="166" spans="6:6" x14ac:dyDescent="0.3">
      <c r="F166" s="15"/>
    </row>
    <row r="167" spans="6:6" x14ac:dyDescent="0.3">
      <c r="F167" s="15"/>
    </row>
    <row r="168" spans="6:6" x14ac:dyDescent="0.3">
      <c r="F168" s="15"/>
    </row>
    <row r="169" spans="6:6" x14ac:dyDescent="0.3">
      <c r="F169" s="15"/>
    </row>
    <row r="170" spans="6:6" x14ac:dyDescent="0.3">
      <c r="F170" s="15"/>
    </row>
    <row r="171" spans="6:6" x14ac:dyDescent="0.3">
      <c r="F171" s="15"/>
    </row>
    <row r="172" spans="6:6" x14ac:dyDescent="0.3">
      <c r="F172" s="15"/>
    </row>
    <row r="173" spans="6:6" x14ac:dyDescent="0.3">
      <c r="F173" s="15"/>
    </row>
    <row r="174" spans="6:6" x14ac:dyDescent="0.3">
      <c r="F174" s="15"/>
    </row>
    <row r="175" spans="6:6" x14ac:dyDescent="0.3">
      <c r="F175" s="15"/>
    </row>
    <row r="176" spans="6:6" x14ac:dyDescent="0.3">
      <c r="F176" s="15"/>
    </row>
    <row r="177" spans="6:6" x14ac:dyDescent="0.3">
      <c r="F177" s="15"/>
    </row>
    <row r="178" spans="6:6" x14ac:dyDescent="0.3">
      <c r="F178" s="15"/>
    </row>
    <row r="179" spans="6:6" x14ac:dyDescent="0.3">
      <c r="F179" s="15"/>
    </row>
    <row r="180" spans="6:6" x14ac:dyDescent="0.3">
      <c r="F180" s="15"/>
    </row>
    <row r="181" spans="6:6" x14ac:dyDescent="0.3">
      <c r="F181" s="15"/>
    </row>
    <row r="182" spans="6:6" x14ac:dyDescent="0.3">
      <c r="F182" s="15"/>
    </row>
    <row r="183" spans="6:6" x14ac:dyDescent="0.3">
      <c r="F183" s="15"/>
    </row>
    <row r="184" spans="6:6" x14ac:dyDescent="0.3">
      <c r="F184" s="15"/>
    </row>
    <row r="185" spans="6:6" x14ac:dyDescent="0.3">
      <c r="F185" s="15"/>
    </row>
    <row r="186" spans="6:6" x14ac:dyDescent="0.3">
      <c r="F186" s="15"/>
    </row>
    <row r="187" spans="6:6" x14ac:dyDescent="0.3">
      <c r="F187" s="15"/>
    </row>
    <row r="188" spans="6:6" x14ac:dyDescent="0.3">
      <c r="F188" s="15"/>
    </row>
    <row r="189" spans="6:6" x14ac:dyDescent="0.3">
      <c r="F189" s="15"/>
    </row>
    <row r="190" spans="6:6" x14ac:dyDescent="0.3">
      <c r="F190" s="15"/>
    </row>
    <row r="191" spans="6:6" x14ac:dyDescent="0.3">
      <c r="F191" s="15"/>
    </row>
    <row r="192" spans="6:6" x14ac:dyDescent="0.3">
      <c r="F192" s="15"/>
    </row>
    <row r="193" spans="6:6" x14ac:dyDescent="0.3">
      <c r="F193" s="15"/>
    </row>
    <row r="194" spans="6:6" x14ac:dyDescent="0.3">
      <c r="F194" s="15"/>
    </row>
    <row r="195" spans="6:6" x14ac:dyDescent="0.3">
      <c r="F195" s="15"/>
    </row>
    <row r="196" spans="6:6" x14ac:dyDescent="0.3">
      <c r="F196" s="15"/>
    </row>
    <row r="197" spans="6:6" x14ac:dyDescent="0.3">
      <c r="F197" s="15"/>
    </row>
    <row r="198" spans="6:6" x14ac:dyDescent="0.3">
      <c r="F198" s="15"/>
    </row>
    <row r="199" spans="6:6" x14ac:dyDescent="0.3">
      <c r="F199" s="15"/>
    </row>
    <row r="200" spans="6:6" x14ac:dyDescent="0.3">
      <c r="F200" s="15"/>
    </row>
    <row r="201" spans="6:6" x14ac:dyDescent="0.3">
      <c r="F201" s="15"/>
    </row>
    <row r="202" spans="6:6" x14ac:dyDescent="0.3">
      <c r="F202" s="15"/>
    </row>
    <row r="203" spans="6:6" x14ac:dyDescent="0.3">
      <c r="F203" s="15"/>
    </row>
    <row r="204" spans="6:6" x14ac:dyDescent="0.3">
      <c r="F204" s="15"/>
    </row>
    <row r="205" spans="6:6" x14ac:dyDescent="0.3">
      <c r="F205" s="15"/>
    </row>
    <row r="206" spans="6:6" x14ac:dyDescent="0.3">
      <c r="F206" s="15"/>
    </row>
    <row r="207" spans="6:6" x14ac:dyDescent="0.3">
      <c r="F207" s="15"/>
    </row>
    <row r="208" spans="6:6" x14ac:dyDescent="0.3">
      <c r="F208" s="15"/>
    </row>
    <row r="209" spans="6:6" x14ac:dyDescent="0.3">
      <c r="F209" s="15"/>
    </row>
    <row r="210" spans="6:6" x14ac:dyDescent="0.3">
      <c r="F210" s="15"/>
    </row>
    <row r="211" spans="6:6" x14ac:dyDescent="0.3">
      <c r="F211" s="15"/>
    </row>
    <row r="212" spans="6:6" x14ac:dyDescent="0.3">
      <c r="F212" s="15"/>
    </row>
    <row r="213" spans="6:6" x14ac:dyDescent="0.3">
      <c r="F213" s="15"/>
    </row>
    <row r="214" spans="6:6" x14ac:dyDescent="0.3">
      <c r="F214" s="15"/>
    </row>
    <row r="215" spans="6:6" x14ac:dyDescent="0.3">
      <c r="F215" s="15"/>
    </row>
    <row r="216" spans="6:6" x14ac:dyDescent="0.3">
      <c r="F216" s="15"/>
    </row>
    <row r="217" spans="6:6" x14ac:dyDescent="0.3">
      <c r="F217" s="15"/>
    </row>
    <row r="218" spans="6:6" x14ac:dyDescent="0.3">
      <c r="F218" s="15"/>
    </row>
    <row r="219" spans="6:6" x14ac:dyDescent="0.3">
      <c r="F219" s="15"/>
    </row>
    <row r="220" spans="6:6" x14ac:dyDescent="0.3">
      <c r="F220" s="15"/>
    </row>
    <row r="221" spans="6:6" x14ac:dyDescent="0.3">
      <c r="F221" s="15"/>
    </row>
    <row r="222" spans="6:6" x14ac:dyDescent="0.3">
      <c r="F222" s="15"/>
    </row>
    <row r="223" spans="6:6" x14ac:dyDescent="0.3">
      <c r="F223" s="15"/>
    </row>
    <row r="224" spans="6:6" x14ac:dyDescent="0.3">
      <c r="F224" s="15"/>
    </row>
    <row r="225" spans="6:6" x14ac:dyDescent="0.3">
      <c r="F225" s="15"/>
    </row>
    <row r="226" spans="6:6" x14ac:dyDescent="0.3">
      <c r="F226" s="15"/>
    </row>
    <row r="227" spans="6:6" x14ac:dyDescent="0.3">
      <c r="F227" s="15"/>
    </row>
    <row r="228" spans="6:6" x14ac:dyDescent="0.3">
      <c r="F228" s="15"/>
    </row>
    <row r="229" spans="6:6" x14ac:dyDescent="0.3">
      <c r="F229" s="15"/>
    </row>
    <row r="230" spans="6:6" x14ac:dyDescent="0.3">
      <c r="F230" s="15"/>
    </row>
    <row r="231" spans="6:6" x14ac:dyDescent="0.3">
      <c r="F231" s="15"/>
    </row>
    <row r="232" spans="6:6" x14ac:dyDescent="0.3">
      <c r="F232" s="15"/>
    </row>
    <row r="233" spans="6:6" x14ac:dyDescent="0.3">
      <c r="F233" s="15"/>
    </row>
    <row r="234" spans="6:6" x14ac:dyDescent="0.3">
      <c r="F234" s="15"/>
    </row>
    <row r="235" spans="6:6" x14ac:dyDescent="0.3">
      <c r="F235" s="15"/>
    </row>
    <row r="236" spans="6:6" x14ac:dyDescent="0.3">
      <c r="F236" s="15"/>
    </row>
    <row r="237" spans="6:6" x14ac:dyDescent="0.3">
      <c r="F237" s="15"/>
    </row>
    <row r="238" spans="6:6" x14ac:dyDescent="0.3">
      <c r="F238" s="15"/>
    </row>
    <row r="239" spans="6:6" x14ac:dyDescent="0.3">
      <c r="F239" s="15"/>
    </row>
    <row r="240" spans="6:6" x14ac:dyDescent="0.3">
      <c r="F240" s="15"/>
    </row>
    <row r="241" spans="6:6" x14ac:dyDescent="0.3">
      <c r="F241" s="15"/>
    </row>
    <row r="242" spans="6:6" x14ac:dyDescent="0.3">
      <c r="F242" s="15"/>
    </row>
    <row r="243" spans="6:6" x14ac:dyDescent="0.3">
      <c r="F243" s="15"/>
    </row>
    <row r="244" spans="6:6" x14ac:dyDescent="0.3">
      <c r="F244" s="15"/>
    </row>
    <row r="245" spans="6:6" x14ac:dyDescent="0.3">
      <c r="F245" s="15"/>
    </row>
    <row r="246" spans="6:6" x14ac:dyDescent="0.3">
      <c r="F246" s="15"/>
    </row>
    <row r="247" spans="6:6" x14ac:dyDescent="0.3">
      <c r="F247" s="15"/>
    </row>
    <row r="248" spans="6:6" x14ac:dyDescent="0.3">
      <c r="F248" s="15"/>
    </row>
    <row r="249" spans="6:6" x14ac:dyDescent="0.3">
      <c r="F249" s="15"/>
    </row>
    <row r="250" spans="6:6" x14ac:dyDescent="0.3">
      <c r="F250" s="15"/>
    </row>
    <row r="251" spans="6:6" x14ac:dyDescent="0.3">
      <c r="F251" s="15"/>
    </row>
    <row r="252" spans="6:6" x14ac:dyDescent="0.3">
      <c r="F252" s="15"/>
    </row>
    <row r="253" spans="6:6" x14ac:dyDescent="0.3">
      <c r="F253" s="15"/>
    </row>
    <row r="254" spans="6:6" x14ac:dyDescent="0.3">
      <c r="F254" s="15"/>
    </row>
    <row r="255" spans="6:6" x14ac:dyDescent="0.3">
      <c r="F255" s="15"/>
    </row>
    <row r="256" spans="6:6" x14ac:dyDescent="0.3">
      <c r="F256" s="15"/>
    </row>
    <row r="257" spans="6:6" x14ac:dyDescent="0.3">
      <c r="F257" s="15"/>
    </row>
    <row r="258" spans="6:6" x14ac:dyDescent="0.3">
      <c r="F258" s="15"/>
    </row>
    <row r="259" spans="6:6" x14ac:dyDescent="0.3">
      <c r="F259" s="15"/>
    </row>
    <row r="260" spans="6:6" x14ac:dyDescent="0.3">
      <c r="F260" s="15"/>
    </row>
    <row r="261" spans="6:6" x14ac:dyDescent="0.3">
      <c r="F261" s="15"/>
    </row>
    <row r="262" spans="6:6" x14ac:dyDescent="0.3">
      <c r="F262" s="15"/>
    </row>
    <row r="263" spans="6:6" x14ac:dyDescent="0.3">
      <c r="F263" s="15"/>
    </row>
    <row r="264" spans="6:6" x14ac:dyDescent="0.3">
      <c r="F264" s="15"/>
    </row>
    <row r="265" spans="6:6" x14ac:dyDescent="0.3">
      <c r="F265" s="15"/>
    </row>
    <row r="266" spans="6:6" x14ac:dyDescent="0.3">
      <c r="F266" s="15"/>
    </row>
    <row r="267" spans="6:6" x14ac:dyDescent="0.3">
      <c r="F267" s="15"/>
    </row>
    <row r="268" spans="6:6" x14ac:dyDescent="0.3">
      <c r="F268" s="15"/>
    </row>
    <row r="269" spans="6:6" x14ac:dyDescent="0.3">
      <c r="F269" s="15"/>
    </row>
    <row r="270" spans="6:6" x14ac:dyDescent="0.3">
      <c r="F270" s="15"/>
    </row>
    <row r="271" spans="6:6" x14ac:dyDescent="0.3">
      <c r="F271" s="15"/>
    </row>
    <row r="272" spans="6:6" x14ac:dyDescent="0.3">
      <c r="F272" s="15"/>
    </row>
    <row r="273" spans="6:6" x14ac:dyDescent="0.3">
      <c r="F273" s="15"/>
    </row>
    <row r="274" spans="6:6" x14ac:dyDescent="0.3">
      <c r="F274" s="15"/>
    </row>
    <row r="275" spans="6:6" x14ac:dyDescent="0.3">
      <c r="F275" s="15"/>
    </row>
    <row r="276" spans="6:6" x14ac:dyDescent="0.3">
      <c r="F276" s="15"/>
    </row>
    <row r="277" spans="6:6" x14ac:dyDescent="0.3">
      <c r="F277" s="15"/>
    </row>
    <row r="278" spans="6:6" x14ac:dyDescent="0.3">
      <c r="F278" s="15"/>
    </row>
    <row r="279" spans="6:6" x14ac:dyDescent="0.3">
      <c r="F279" s="15"/>
    </row>
    <row r="280" spans="6:6" x14ac:dyDescent="0.3">
      <c r="F280" s="15"/>
    </row>
    <row r="281" spans="6:6" x14ac:dyDescent="0.3">
      <c r="F281" s="15"/>
    </row>
    <row r="282" spans="6:6" x14ac:dyDescent="0.3">
      <c r="F282" s="15"/>
    </row>
    <row r="283" spans="6:6" x14ac:dyDescent="0.3">
      <c r="F283" s="15"/>
    </row>
    <row r="284" spans="6:6" x14ac:dyDescent="0.3">
      <c r="F284" s="15"/>
    </row>
    <row r="285" spans="6:6" x14ac:dyDescent="0.3">
      <c r="F285" s="15"/>
    </row>
    <row r="286" spans="6:6" x14ac:dyDescent="0.3">
      <c r="F286" s="15"/>
    </row>
    <row r="287" spans="6:6" x14ac:dyDescent="0.3">
      <c r="F287" s="15"/>
    </row>
    <row r="288" spans="6:6" x14ac:dyDescent="0.3">
      <c r="F288" s="15"/>
    </row>
    <row r="289" spans="6:6" x14ac:dyDescent="0.3">
      <c r="F289" s="15"/>
    </row>
    <row r="290" spans="6:6" x14ac:dyDescent="0.3">
      <c r="F290" s="15"/>
    </row>
    <row r="291" spans="6:6" x14ac:dyDescent="0.3">
      <c r="F291" s="15"/>
    </row>
    <row r="292" spans="6:6" x14ac:dyDescent="0.3">
      <c r="F292" s="15"/>
    </row>
    <row r="293" spans="6:6" x14ac:dyDescent="0.3">
      <c r="F293" s="15"/>
    </row>
    <row r="294" spans="6:6" x14ac:dyDescent="0.3">
      <c r="F294" s="15"/>
    </row>
    <row r="295" spans="6:6" x14ac:dyDescent="0.3">
      <c r="F295" s="15"/>
    </row>
    <row r="296" spans="6:6" x14ac:dyDescent="0.3">
      <c r="F296" s="15"/>
    </row>
    <row r="297" spans="6:6" x14ac:dyDescent="0.3">
      <c r="F297" s="15"/>
    </row>
    <row r="298" spans="6:6" x14ac:dyDescent="0.3">
      <c r="F298" s="15"/>
    </row>
    <row r="299" spans="6:6" x14ac:dyDescent="0.3">
      <c r="F299" s="15"/>
    </row>
    <row r="300" spans="6:6" x14ac:dyDescent="0.3">
      <c r="F300" s="15"/>
    </row>
    <row r="301" spans="6:6" x14ac:dyDescent="0.3">
      <c r="F301" s="15"/>
    </row>
    <row r="302" spans="6:6" x14ac:dyDescent="0.3">
      <c r="F302" s="15"/>
    </row>
    <row r="303" spans="6:6" x14ac:dyDescent="0.3">
      <c r="F303" s="15"/>
    </row>
    <row r="304" spans="6:6" x14ac:dyDescent="0.3">
      <c r="F304" s="15"/>
    </row>
    <row r="305" spans="6:6" x14ac:dyDescent="0.3">
      <c r="F305" s="15"/>
    </row>
    <row r="306" spans="6:6" x14ac:dyDescent="0.3">
      <c r="F306" s="15"/>
    </row>
    <row r="307" spans="6:6" x14ac:dyDescent="0.3">
      <c r="F307" s="15"/>
    </row>
    <row r="308" spans="6:6" x14ac:dyDescent="0.3">
      <c r="F308" s="15"/>
    </row>
    <row r="309" spans="6:6" x14ac:dyDescent="0.3">
      <c r="F309" s="15"/>
    </row>
    <row r="310" spans="6:6" x14ac:dyDescent="0.3">
      <c r="F310" s="15"/>
    </row>
    <row r="311" spans="6:6" x14ac:dyDescent="0.3">
      <c r="F311" s="15"/>
    </row>
    <row r="312" spans="6:6" x14ac:dyDescent="0.3">
      <c r="F312" s="15"/>
    </row>
    <row r="313" spans="6:6" x14ac:dyDescent="0.3">
      <c r="F313" s="15"/>
    </row>
    <row r="314" spans="6:6" x14ac:dyDescent="0.3">
      <c r="F314" s="15"/>
    </row>
    <row r="315" spans="6:6" x14ac:dyDescent="0.3">
      <c r="F315" s="15"/>
    </row>
    <row r="316" spans="6:6" x14ac:dyDescent="0.3">
      <c r="F316" s="15"/>
    </row>
    <row r="317" spans="6:6" x14ac:dyDescent="0.3">
      <c r="F317" s="15"/>
    </row>
    <row r="318" spans="6:6" x14ac:dyDescent="0.3">
      <c r="F318" s="15"/>
    </row>
    <row r="319" spans="6:6" x14ac:dyDescent="0.3">
      <c r="F319" s="15"/>
    </row>
    <row r="320" spans="6:6" x14ac:dyDescent="0.3">
      <c r="F320" s="15"/>
    </row>
    <row r="321" spans="6:6" x14ac:dyDescent="0.3">
      <c r="F321" s="15"/>
    </row>
    <row r="322" spans="6:6" x14ac:dyDescent="0.3">
      <c r="F322" s="15"/>
    </row>
    <row r="323" spans="6:6" x14ac:dyDescent="0.3">
      <c r="F323" s="15"/>
    </row>
    <row r="324" spans="6:6" x14ac:dyDescent="0.3">
      <c r="F324" s="15"/>
    </row>
    <row r="325" spans="6:6" x14ac:dyDescent="0.3">
      <c r="F325" s="15"/>
    </row>
    <row r="326" spans="6:6" x14ac:dyDescent="0.3">
      <c r="F326" s="15"/>
    </row>
    <row r="327" spans="6:6" x14ac:dyDescent="0.3">
      <c r="F327" s="15"/>
    </row>
    <row r="328" spans="6:6" x14ac:dyDescent="0.3">
      <c r="F328" s="15"/>
    </row>
    <row r="329" spans="6:6" x14ac:dyDescent="0.3">
      <c r="F329" s="15"/>
    </row>
    <row r="330" spans="6:6" x14ac:dyDescent="0.3">
      <c r="F330" s="15"/>
    </row>
    <row r="331" spans="6:6" x14ac:dyDescent="0.3">
      <c r="F331" s="15"/>
    </row>
    <row r="332" spans="6:6" x14ac:dyDescent="0.3">
      <c r="F332" s="15"/>
    </row>
    <row r="333" spans="6:6" x14ac:dyDescent="0.3">
      <c r="F333" s="15"/>
    </row>
    <row r="334" spans="6:6" x14ac:dyDescent="0.3">
      <c r="F334" s="15"/>
    </row>
    <row r="335" spans="6:6" x14ac:dyDescent="0.3">
      <c r="F335" s="15"/>
    </row>
    <row r="336" spans="6:6" x14ac:dyDescent="0.3">
      <c r="F336" s="15"/>
    </row>
    <row r="337" spans="6:6" x14ac:dyDescent="0.3">
      <c r="F337" s="15"/>
    </row>
    <row r="338" spans="6:6" x14ac:dyDescent="0.3">
      <c r="F338" s="15"/>
    </row>
    <row r="339" spans="6:6" x14ac:dyDescent="0.3">
      <c r="F339" s="15"/>
    </row>
    <row r="340" spans="6:6" x14ac:dyDescent="0.3">
      <c r="F340" s="15"/>
    </row>
    <row r="341" spans="6:6" x14ac:dyDescent="0.3">
      <c r="F341" s="15"/>
    </row>
    <row r="342" spans="6:6" x14ac:dyDescent="0.3">
      <c r="F342" s="15"/>
    </row>
    <row r="343" spans="6:6" x14ac:dyDescent="0.3">
      <c r="F343" s="15"/>
    </row>
    <row r="344" spans="6:6" x14ac:dyDescent="0.3">
      <c r="F344" s="15"/>
    </row>
    <row r="345" spans="6:6" x14ac:dyDescent="0.3">
      <c r="F345" s="15"/>
    </row>
    <row r="346" spans="6:6" x14ac:dyDescent="0.3">
      <c r="F346" s="15"/>
    </row>
    <row r="347" spans="6:6" x14ac:dyDescent="0.3">
      <c r="F347" s="15"/>
    </row>
    <row r="348" spans="6:6" x14ac:dyDescent="0.3">
      <c r="F348" s="15"/>
    </row>
    <row r="349" spans="6:6" x14ac:dyDescent="0.3">
      <c r="F349" s="15"/>
    </row>
    <row r="350" spans="6:6" x14ac:dyDescent="0.3">
      <c r="F350" s="15"/>
    </row>
    <row r="351" spans="6:6" x14ac:dyDescent="0.3">
      <c r="F351" s="15"/>
    </row>
    <row r="352" spans="6:6" x14ac:dyDescent="0.3">
      <c r="F352" s="15"/>
    </row>
    <row r="353" spans="6:6" x14ac:dyDescent="0.3">
      <c r="F353" s="15"/>
    </row>
    <row r="354" spans="6:6" x14ac:dyDescent="0.3">
      <c r="F354" s="15"/>
    </row>
    <row r="355" spans="6:6" x14ac:dyDescent="0.3">
      <c r="F355" s="15"/>
    </row>
    <row r="356" spans="6:6" x14ac:dyDescent="0.3">
      <c r="F356" s="15"/>
    </row>
    <row r="357" spans="6:6" x14ac:dyDescent="0.3">
      <c r="F357" s="15"/>
    </row>
    <row r="358" spans="6:6" x14ac:dyDescent="0.3">
      <c r="F358" s="15"/>
    </row>
    <row r="359" spans="6:6" x14ac:dyDescent="0.3">
      <c r="F359" s="15"/>
    </row>
    <row r="360" spans="6:6" x14ac:dyDescent="0.3">
      <c r="F360" s="15"/>
    </row>
    <row r="361" spans="6:6" x14ac:dyDescent="0.3">
      <c r="F361" s="15"/>
    </row>
    <row r="362" spans="6:6" x14ac:dyDescent="0.3">
      <c r="F362" s="15"/>
    </row>
    <row r="363" spans="6:6" x14ac:dyDescent="0.3">
      <c r="F363" s="15"/>
    </row>
    <row r="364" spans="6:6" x14ac:dyDescent="0.3">
      <c r="F364" s="15"/>
    </row>
    <row r="365" spans="6:6" x14ac:dyDescent="0.3">
      <c r="F365" s="15"/>
    </row>
    <row r="366" spans="6:6" x14ac:dyDescent="0.3">
      <c r="F366" s="15"/>
    </row>
    <row r="367" spans="6:6" x14ac:dyDescent="0.3">
      <c r="F367" s="15"/>
    </row>
    <row r="368" spans="6:6" x14ac:dyDescent="0.3">
      <c r="F368" s="15"/>
    </row>
    <row r="369" spans="6:6" x14ac:dyDescent="0.3">
      <c r="F369" s="15"/>
    </row>
    <row r="370" spans="6:6" x14ac:dyDescent="0.3">
      <c r="F370" s="15"/>
    </row>
    <row r="371" spans="6:6" x14ac:dyDescent="0.3">
      <c r="F371" s="15"/>
    </row>
    <row r="372" spans="6:6" x14ac:dyDescent="0.3">
      <c r="F372" s="15"/>
    </row>
    <row r="373" spans="6:6" x14ac:dyDescent="0.3">
      <c r="F373" s="15"/>
    </row>
    <row r="374" spans="6:6" x14ac:dyDescent="0.3">
      <c r="F374" s="15"/>
    </row>
    <row r="375" spans="6:6" x14ac:dyDescent="0.3">
      <c r="F375" s="15"/>
    </row>
    <row r="376" spans="6:6" x14ac:dyDescent="0.3">
      <c r="F376" s="15"/>
    </row>
    <row r="377" spans="6:6" x14ac:dyDescent="0.3">
      <c r="F377" s="15"/>
    </row>
    <row r="378" spans="6:6" x14ac:dyDescent="0.3">
      <c r="F378" s="15"/>
    </row>
    <row r="379" spans="6:6" x14ac:dyDescent="0.3">
      <c r="F379" s="15"/>
    </row>
    <row r="380" spans="6:6" x14ac:dyDescent="0.3">
      <c r="F380" s="15"/>
    </row>
    <row r="381" spans="6:6" x14ac:dyDescent="0.3">
      <c r="F381" s="15"/>
    </row>
    <row r="382" spans="6:6" x14ac:dyDescent="0.3">
      <c r="F382" s="15"/>
    </row>
    <row r="383" spans="6:6" x14ac:dyDescent="0.3">
      <c r="F383" s="15"/>
    </row>
    <row r="384" spans="6:6" x14ac:dyDescent="0.3">
      <c r="F384" s="15"/>
    </row>
    <row r="385" spans="6:6" x14ac:dyDescent="0.3">
      <c r="F385" s="15"/>
    </row>
    <row r="386" spans="6:6" x14ac:dyDescent="0.3">
      <c r="F386" s="15"/>
    </row>
    <row r="387" spans="6:6" x14ac:dyDescent="0.3">
      <c r="F387" s="15"/>
    </row>
    <row r="388" spans="6:6" x14ac:dyDescent="0.3">
      <c r="F388" s="15"/>
    </row>
    <row r="389" spans="6:6" x14ac:dyDescent="0.3">
      <c r="F389" s="15"/>
    </row>
    <row r="390" spans="6:6" x14ac:dyDescent="0.3">
      <c r="F390" s="15"/>
    </row>
    <row r="391" spans="6:6" x14ac:dyDescent="0.3">
      <c r="F391" s="15"/>
    </row>
    <row r="392" spans="6:6" x14ac:dyDescent="0.3">
      <c r="F392" s="15"/>
    </row>
    <row r="393" spans="6:6" x14ac:dyDescent="0.3">
      <c r="F393" s="15"/>
    </row>
    <row r="394" spans="6:6" x14ac:dyDescent="0.3">
      <c r="F394" s="15"/>
    </row>
    <row r="395" spans="6:6" x14ac:dyDescent="0.3">
      <c r="F395" s="15"/>
    </row>
    <row r="396" spans="6:6" x14ac:dyDescent="0.3">
      <c r="F396" s="15"/>
    </row>
    <row r="397" spans="6:6" x14ac:dyDescent="0.3">
      <c r="F397" s="15"/>
    </row>
    <row r="398" spans="6:6" x14ac:dyDescent="0.3">
      <c r="F398" s="15"/>
    </row>
    <row r="399" spans="6:6" x14ac:dyDescent="0.3">
      <c r="F399" s="15"/>
    </row>
    <row r="400" spans="6:6" x14ac:dyDescent="0.3">
      <c r="F400" s="15"/>
    </row>
    <row r="401" spans="6:6" x14ac:dyDescent="0.3">
      <c r="F401" s="15"/>
    </row>
    <row r="402" spans="6:6" x14ac:dyDescent="0.3">
      <c r="F402" s="15"/>
    </row>
    <row r="403" spans="6:6" x14ac:dyDescent="0.3">
      <c r="F403" s="15"/>
    </row>
    <row r="404" spans="6:6" x14ac:dyDescent="0.3">
      <c r="F404" s="15"/>
    </row>
    <row r="405" spans="6:6" x14ac:dyDescent="0.3">
      <c r="F405" s="15"/>
    </row>
    <row r="406" spans="6:6" x14ac:dyDescent="0.3">
      <c r="F406" s="15"/>
    </row>
    <row r="407" spans="6:6" x14ac:dyDescent="0.3">
      <c r="F407" s="15"/>
    </row>
    <row r="408" spans="6:6" x14ac:dyDescent="0.3">
      <c r="F408" s="15"/>
    </row>
    <row r="409" spans="6:6" x14ac:dyDescent="0.3">
      <c r="F409" s="15"/>
    </row>
    <row r="410" spans="6:6" x14ac:dyDescent="0.3">
      <c r="F410" s="15"/>
    </row>
    <row r="411" spans="6:6" x14ac:dyDescent="0.3">
      <c r="F411" s="15"/>
    </row>
    <row r="412" spans="6:6" x14ac:dyDescent="0.3">
      <c r="F412" s="15"/>
    </row>
    <row r="413" spans="6:6" x14ac:dyDescent="0.3">
      <c r="F413" s="15"/>
    </row>
    <row r="414" spans="6:6" x14ac:dyDescent="0.3">
      <c r="F414" s="15"/>
    </row>
    <row r="415" spans="6:6" x14ac:dyDescent="0.3">
      <c r="F415" s="15"/>
    </row>
    <row r="416" spans="6:6" x14ac:dyDescent="0.3">
      <c r="F416" s="15"/>
    </row>
    <row r="417" spans="6:6" x14ac:dyDescent="0.3">
      <c r="F417" s="15"/>
    </row>
    <row r="418" spans="6:6" x14ac:dyDescent="0.3">
      <c r="F418" s="15"/>
    </row>
    <row r="419" spans="6:6" x14ac:dyDescent="0.3">
      <c r="F419" s="15"/>
    </row>
    <row r="420" spans="6:6" x14ac:dyDescent="0.3">
      <c r="F420" s="15"/>
    </row>
    <row r="421" spans="6:6" x14ac:dyDescent="0.3">
      <c r="F421" s="15"/>
    </row>
    <row r="422" spans="6:6" x14ac:dyDescent="0.3">
      <c r="F422" s="15"/>
    </row>
    <row r="423" spans="6:6" x14ac:dyDescent="0.3">
      <c r="F423" s="15"/>
    </row>
    <row r="424" spans="6:6" x14ac:dyDescent="0.3">
      <c r="F424" s="15"/>
    </row>
    <row r="425" spans="6:6" x14ac:dyDescent="0.3">
      <c r="F425" s="15"/>
    </row>
    <row r="426" spans="6:6" x14ac:dyDescent="0.3">
      <c r="F426" s="15"/>
    </row>
    <row r="427" spans="6:6" x14ac:dyDescent="0.3">
      <c r="F427" s="15"/>
    </row>
    <row r="428" spans="6:6" x14ac:dyDescent="0.3">
      <c r="F428" s="15"/>
    </row>
    <row r="429" spans="6:6" x14ac:dyDescent="0.3">
      <c r="F429" s="15"/>
    </row>
    <row r="430" spans="6:6" x14ac:dyDescent="0.3">
      <c r="F430" s="15"/>
    </row>
    <row r="431" spans="6:6" x14ac:dyDescent="0.3">
      <c r="F431" s="15"/>
    </row>
    <row r="432" spans="6:6" x14ac:dyDescent="0.3">
      <c r="F432" s="15"/>
    </row>
    <row r="433" spans="6:6" x14ac:dyDescent="0.3">
      <c r="F433" s="15"/>
    </row>
    <row r="434" spans="6:6" x14ac:dyDescent="0.3">
      <c r="F434" s="15"/>
    </row>
    <row r="435" spans="6:6" x14ac:dyDescent="0.3">
      <c r="F435" s="15"/>
    </row>
    <row r="436" spans="6:6" x14ac:dyDescent="0.3">
      <c r="F436" s="15"/>
    </row>
    <row r="437" spans="6:6" x14ac:dyDescent="0.3">
      <c r="F437" s="15"/>
    </row>
    <row r="438" spans="6:6" x14ac:dyDescent="0.3">
      <c r="F438" s="15"/>
    </row>
    <row r="439" spans="6:6" x14ac:dyDescent="0.3">
      <c r="F439" s="15"/>
    </row>
    <row r="440" spans="6:6" x14ac:dyDescent="0.3">
      <c r="F440" s="15"/>
    </row>
    <row r="441" spans="6:6" x14ac:dyDescent="0.3">
      <c r="F441" s="15"/>
    </row>
    <row r="442" spans="6:6" x14ac:dyDescent="0.3">
      <c r="F442" s="15"/>
    </row>
    <row r="443" spans="6:6" x14ac:dyDescent="0.3">
      <c r="F443" s="15"/>
    </row>
    <row r="444" spans="6:6" x14ac:dyDescent="0.3">
      <c r="F444" s="15"/>
    </row>
    <row r="445" spans="6:6" x14ac:dyDescent="0.3">
      <c r="F445" s="15"/>
    </row>
    <row r="446" spans="6:6" x14ac:dyDescent="0.3">
      <c r="F446" s="15"/>
    </row>
    <row r="447" spans="6:6" x14ac:dyDescent="0.3">
      <c r="F447" s="15"/>
    </row>
    <row r="448" spans="6:6" x14ac:dyDescent="0.3">
      <c r="F448" s="15"/>
    </row>
    <row r="449" spans="6:6" x14ac:dyDescent="0.3">
      <c r="F449" s="15"/>
    </row>
    <row r="450" spans="6:6" x14ac:dyDescent="0.3">
      <c r="F450" s="15"/>
    </row>
    <row r="451" spans="6:6" x14ac:dyDescent="0.3">
      <c r="F451" s="15"/>
    </row>
    <row r="452" spans="6:6" x14ac:dyDescent="0.3">
      <c r="F452" s="15"/>
    </row>
    <row r="453" spans="6:6" x14ac:dyDescent="0.3">
      <c r="F453" s="15"/>
    </row>
    <row r="454" spans="6:6" x14ac:dyDescent="0.3">
      <c r="F454" s="15"/>
    </row>
    <row r="455" spans="6:6" x14ac:dyDescent="0.3">
      <c r="F455" s="15"/>
    </row>
    <row r="456" spans="6:6" x14ac:dyDescent="0.3">
      <c r="F456" s="15"/>
    </row>
    <row r="457" spans="6:6" x14ac:dyDescent="0.3">
      <c r="F457" s="15"/>
    </row>
    <row r="458" spans="6:6" x14ac:dyDescent="0.3">
      <c r="F458" s="15"/>
    </row>
    <row r="459" spans="6:6" x14ac:dyDescent="0.3">
      <c r="F459" s="15"/>
    </row>
    <row r="460" spans="6:6" x14ac:dyDescent="0.3">
      <c r="F460" s="15"/>
    </row>
    <row r="461" spans="6:6" x14ac:dyDescent="0.3">
      <c r="F461" s="15"/>
    </row>
    <row r="462" spans="6:6" x14ac:dyDescent="0.3">
      <c r="F462" s="15"/>
    </row>
    <row r="463" spans="6:6" x14ac:dyDescent="0.3">
      <c r="F463" s="15"/>
    </row>
    <row r="464" spans="6:6" x14ac:dyDescent="0.3">
      <c r="F464" s="15"/>
    </row>
    <row r="465" spans="6:6" x14ac:dyDescent="0.3">
      <c r="F465" s="15"/>
    </row>
    <row r="466" spans="6:6" x14ac:dyDescent="0.3">
      <c r="F466" s="15"/>
    </row>
    <row r="467" spans="6:6" x14ac:dyDescent="0.3">
      <c r="F467" s="15"/>
    </row>
    <row r="468" spans="6:6" x14ac:dyDescent="0.3">
      <c r="F468" s="15"/>
    </row>
    <row r="469" spans="6:6" x14ac:dyDescent="0.3">
      <c r="F469" s="15"/>
    </row>
    <row r="470" spans="6:6" x14ac:dyDescent="0.3">
      <c r="F470" s="15"/>
    </row>
    <row r="471" spans="6:6" x14ac:dyDescent="0.3">
      <c r="F471" s="15"/>
    </row>
    <row r="472" spans="6:6" x14ac:dyDescent="0.3">
      <c r="F472" s="15"/>
    </row>
    <row r="473" spans="6:6" x14ac:dyDescent="0.3">
      <c r="F473" s="15"/>
    </row>
    <row r="474" spans="6:6" x14ac:dyDescent="0.3">
      <c r="F474" s="15"/>
    </row>
    <row r="475" spans="6:6" x14ac:dyDescent="0.3">
      <c r="F475" s="15"/>
    </row>
    <row r="476" spans="6:6" x14ac:dyDescent="0.3">
      <c r="F476" s="15"/>
    </row>
    <row r="477" spans="6:6" x14ac:dyDescent="0.3">
      <c r="F477" s="15"/>
    </row>
    <row r="478" spans="6:6" x14ac:dyDescent="0.3">
      <c r="F478" s="15"/>
    </row>
    <row r="479" spans="6:6" x14ac:dyDescent="0.3">
      <c r="F479" s="15"/>
    </row>
    <row r="480" spans="6:6" x14ac:dyDescent="0.3">
      <c r="F480" s="15"/>
    </row>
    <row r="481" spans="6:6" x14ac:dyDescent="0.3">
      <c r="F481" s="15"/>
    </row>
    <row r="482" spans="6:6" x14ac:dyDescent="0.3">
      <c r="F482" s="15"/>
    </row>
    <row r="483" spans="6:6" x14ac:dyDescent="0.3">
      <c r="F483" s="15"/>
    </row>
    <row r="484" spans="6:6" x14ac:dyDescent="0.3">
      <c r="F484" s="15"/>
    </row>
    <row r="485" spans="6:6" x14ac:dyDescent="0.3">
      <c r="F485" s="15"/>
    </row>
    <row r="486" spans="6:6" x14ac:dyDescent="0.3">
      <c r="F486" s="15"/>
    </row>
    <row r="487" spans="6:6" x14ac:dyDescent="0.3">
      <c r="F487" s="15"/>
    </row>
    <row r="488" spans="6:6" x14ac:dyDescent="0.3">
      <c r="F488" s="15"/>
    </row>
    <row r="489" spans="6:6" x14ac:dyDescent="0.3">
      <c r="F489" s="15"/>
    </row>
    <row r="490" spans="6:6" x14ac:dyDescent="0.3">
      <c r="F490" s="15"/>
    </row>
    <row r="491" spans="6:6" x14ac:dyDescent="0.3">
      <c r="F491" s="15"/>
    </row>
    <row r="492" spans="6:6" x14ac:dyDescent="0.3">
      <c r="F492" s="15"/>
    </row>
    <row r="493" spans="6:6" x14ac:dyDescent="0.3">
      <c r="F493" s="15"/>
    </row>
    <row r="494" spans="6:6" x14ac:dyDescent="0.3">
      <c r="F494" s="15"/>
    </row>
    <row r="495" spans="6:6" x14ac:dyDescent="0.3">
      <c r="F495" s="15"/>
    </row>
    <row r="496" spans="6:6" x14ac:dyDescent="0.3">
      <c r="F496" s="15"/>
    </row>
    <row r="497" spans="6:6" x14ac:dyDescent="0.3">
      <c r="F497" s="15"/>
    </row>
    <row r="498" spans="6:6" x14ac:dyDescent="0.3">
      <c r="F498" s="15"/>
    </row>
    <row r="499" spans="6:6" x14ac:dyDescent="0.3">
      <c r="F499" s="15"/>
    </row>
    <row r="500" spans="6:6" x14ac:dyDescent="0.3">
      <c r="F500" s="15"/>
    </row>
    <row r="501" spans="6:6" x14ac:dyDescent="0.3">
      <c r="F501" s="15"/>
    </row>
    <row r="502" spans="6:6" x14ac:dyDescent="0.3">
      <c r="F502" s="15"/>
    </row>
    <row r="503" spans="6:6" x14ac:dyDescent="0.3">
      <c r="F503" s="15"/>
    </row>
    <row r="504" spans="6:6" x14ac:dyDescent="0.3">
      <c r="F504" s="15"/>
    </row>
    <row r="505" spans="6:6" x14ac:dyDescent="0.3">
      <c r="F505" s="15"/>
    </row>
    <row r="506" spans="6:6" x14ac:dyDescent="0.3">
      <c r="F506" s="15"/>
    </row>
    <row r="507" spans="6:6" x14ac:dyDescent="0.3">
      <c r="F507" s="15"/>
    </row>
    <row r="508" spans="6:6" x14ac:dyDescent="0.3">
      <c r="F508" s="15"/>
    </row>
    <row r="509" spans="6:6" x14ac:dyDescent="0.3">
      <c r="F509" s="15"/>
    </row>
    <row r="510" spans="6:6" x14ac:dyDescent="0.3">
      <c r="F510" s="15"/>
    </row>
    <row r="511" spans="6:6" x14ac:dyDescent="0.3">
      <c r="F511" s="15"/>
    </row>
    <row r="512" spans="6:6" x14ac:dyDescent="0.3">
      <c r="F512" s="15"/>
    </row>
    <row r="513" spans="6:6" x14ac:dyDescent="0.3">
      <c r="F513" s="15"/>
    </row>
    <row r="514" spans="6:6" x14ac:dyDescent="0.3">
      <c r="F514" s="15"/>
    </row>
    <row r="515" spans="6:6" x14ac:dyDescent="0.3">
      <c r="F515" s="15"/>
    </row>
    <row r="516" spans="6:6" x14ac:dyDescent="0.3">
      <c r="F516" s="15"/>
    </row>
    <row r="517" spans="6:6" x14ac:dyDescent="0.3">
      <c r="F517" s="15"/>
    </row>
    <row r="518" spans="6:6" x14ac:dyDescent="0.3">
      <c r="F518" s="15"/>
    </row>
    <row r="519" spans="6:6" x14ac:dyDescent="0.3">
      <c r="F519" s="15"/>
    </row>
    <row r="520" spans="6:6" x14ac:dyDescent="0.3">
      <c r="F520" s="15"/>
    </row>
    <row r="521" spans="6:6" x14ac:dyDescent="0.3">
      <c r="F521" s="15"/>
    </row>
    <row r="522" spans="6:6" x14ac:dyDescent="0.3">
      <c r="F522" s="15"/>
    </row>
    <row r="523" spans="6:6" x14ac:dyDescent="0.3">
      <c r="F523" s="15"/>
    </row>
    <row r="524" spans="6:6" x14ac:dyDescent="0.3">
      <c r="F524" s="15"/>
    </row>
    <row r="525" spans="6:6" x14ac:dyDescent="0.3">
      <c r="F525" s="15"/>
    </row>
    <row r="526" spans="6:6" x14ac:dyDescent="0.3">
      <c r="F526" s="15"/>
    </row>
    <row r="527" spans="6:6" x14ac:dyDescent="0.3">
      <c r="F527" s="15"/>
    </row>
    <row r="528" spans="6:6" x14ac:dyDescent="0.3">
      <c r="F528" s="15"/>
    </row>
    <row r="529" spans="6:6" x14ac:dyDescent="0.3">
      <c r="F529" s="15"/>
    </row>
    <row r="530" spans="6:6" x14ac:dyDescent="0.3">
      <c r="F530" s="15"/>
    </row>
    <row r="531" spans="6:6" x14ac:dyDescent="0.3">
      <c r="F531" s="15"/>
    </row>
    <row r="532" spans="6:6" x14ac:dyDescent="0.3">
      <c r="F532" s="15"/>
    </row>
    <row r="533" spans="6:6" x14ac:dyDescent="0.3">
      <c r="F533" s="15"/>
    </row>
    <row r="534" spans="6:6" x14ac:dyDescent="0.3">
      <c r="F534" s="15"/>
    </row>
    <row r="535" spans="6:6" x14ac:dyDescent="0.3">
      <c r="F535" s="15"/>
    </row>
    <row r="536" spans="6:6" x14ac:dyDescent="0.3">
      <c r="F536" s="15"/>
    </row>
    <row r="537" spans="6:6" x14ac:dyDescent="0.3">
      <c r="F537" s="15"/>
    </row>
    <row r="538" spans="6:6" x14ac:dyDescent="0.3">
      <c r="F538" s="15"/>
    </row>
    <row r="539" spans="6:6" x14ac:dyDescent="0.3">
      <c r="F539" s="15"/>
    </row>
    <row r="540" spans="6:6" x14ac:dyDescent="0.3">
      <c r="F540" s="15"/>
    </row>
    <row r="541" spans="6:6" x14ac:dyDescent="0.3">
      <c r="F541" s="15"/>
    </row>
    <row r="542" spans="6:6" x14ac:dyDescent="0.3">
      <c r="F542" s="15"/>
    </row>
    <row r="543" spans="6:6" x14ac:dyDescent="0.3">
      <c r="F543" s="15"/>
    </row>
    <row r="544" spans="6:6" x14ac:dyDescent="0.3">
      <c r="F544" s="15"/>
    </row>
    <row r="545" spans="6:6" x14ac:dyDescent="0.3">
      <c r="F545" s="15"/>
    </row>
    <row r="546" spans="6:6" x14ac:dyDescent="0.3">
      <c r="F546" s="15"/>
    </row>
    <row r="547" spans="6:6" x14ac:dyDescent="0.3">
      <c r="F547" s="15"/>
    </row>
    <row r="548" spans="6:6" x14ac:dyDescent="0.3">
      <c r="F548" s="15"/>
    </row>
    <row r="549" spans="6:6" x14ac:dyDescent="0.3">
      <c r="F549" s="15"/>
    </row>
    <row r="550" spans="6:6" x14ac:dyDescent="0.3">
      <c r="F550" s="15"/>
    </row>
    <row r="551" spans="6:6" x14ac:dyDescent="0.3">
      <c r="F551" s="15"/>
    </row>
    <row r="552" spans="6:6" x14ac:dyDescent="0.3">
      <c r="F552" s="15"/>
    </row>
    <row r="553" spans="6:6" x14ac:dyDescent="0.3">
      <c r="F553" s="15"/>
    </row>
    <row r="554" spans="6:6" x14ac:dyDescent="0.3">
      <c r="F554" s="15"/>
    </row>
    <row r="555" spans="6:6" x14ac:dyDescent="0.3">
      <c r="F555" s="15"/>
    </row>
    <row r="556" spans="6:6" x14ac:dyDescent="0.3">
      <c r="F556" s="15"/>
    </row>
    <row r="557" spans="6:6" x14ac:dyDescent="0.3">
      <c r="F557" s="15"/>
    </row>
    <row r="558" spans="6:6" x14ac:dyDescent="0.3">
      <c r="F558" s="15"/>
    </row>
    <row r="559" spans="6:6" x14ac:dyDescent="0.3">
      <c r="F559" s="15"/>
    </row>
    <row r="560" spans="6:6" x14ac:dyDescent="0.3">
      <c r="F560" s="15"/>
    </row>
    <row r="561" spans="6:6" x14ac:dyDescent="0.3">
      <c r="F561" s="15"/>
    </row>
    <row r="562" spans="6:6" x14ac:dyDescent="0.3">
      <c r="F562" s="15"/>
    </row>
    <row r="563" spans="6:6" x14ac:dyDescent="0.3">
      <c r="F563" s="15"/>
    </row>
    <row r="564" spans="6:6" x14ac:dyDescent="0.3">
      <c r="F564" s="15"/>
    </row>
    <row r="565" spans="6:6" x14ac:dyDescent="0.3">
      <c r="F565" s="15"/>
    </row>
    <row r="566" spans="6:6" x14ac:dyDescent="0.3">
      <c r="F566" s="15"/>
    </row>
    <row r="567" spans="6:6" x14ac:dyDescent="0.3">
      <c r="F567" s="15"/>
    </row>
    <row r="568" spans="6:6" x14ac:dyDescent="0.3">
      <c r="F568" s="15"/>
    </row>
    <row r="569" spans="6:6" x14ac:dyDescent="0.3">
      <c r="F569" s="15"/>
    </row>
    <row r="570" spans="6:6" x14ac:dyDescent="0.3">
      <c r="F570" s="15"/>
    </row>
    <row r="571" spans="6:6" x14ac:dyDescent="0.3">
      <c r="F571" s="15"/>
    </row>
    <row r="572" spans="6:6" x14ac:dyDescent="0.3">
      <c r="F572" s="15"/>
    </row>
    <row r="573" spans="6:6" x14ac:dyDescent="0.3">
      <c r="F573" s="15"/>
    </row>
    <row r="574" spans="6:6" x14ac:dyDescent="0.3">
      <c r="F574" s="15"/>
    </row>
    <row r="575" spans="6:6" x14ac:dyDescent="0.3">
      <c r="F575" s="15"/>
    </row>
    <row r="576" spans="6:6" x14ac:dyDescent="0.3">
      <c r="F576" s="15"/>
    </row>
    <row r="577" spans="6:6" x14ac:dyDescent="0.3">
      <c r="F577" s="15"/>
    </row>
    <row r="578" spans="6:6" x14ac:dyDescent="0.3">
      <c r="F578" s="15"/>
    </row>
    <row r="579" spans="6:6" x14ac:dyDescent="0.3">
      <c r="F579" s="15"/>
    </row>
    <row r="580" spans="6:6" x14ac:dyDescent="0.3">
      <c r="F580" s="15"/>
    </row>
    <row r="581" spans="6:6" x14ac:dyDescent="0.3">
      <c r="F581" s="15"/>
    </row>
    <row r="582" spans="6:6" x14ac:dyDescent="0.3">
      <c r="F582" s="15"/>
    </row>
    <row r="583" spans="6:6" x14ac:dyDescent="0.3">
      <c r="F583" s="15"/>
    </row>
    <row r="584" spans="6:6" x14ac:dyDescent="0.3">
      <c r="F584" s="15"/>
    </row>
    <row r="585" spans="6:6" x14ac:dyDescent="0.3">
      <c r="F585" s="15"/>
    </row>
    <row r="586" spans="6:6" x14ac:dyDescent="0.3">
      <c r="F586" s="15"/>
    </row>
    <row r="587" spans="6:6" x14ac:dyDescent="0.3">
      <c r="F587" s="15"/>
    </row>
    <row r="588" spans="6:6" x14ac:dyDescent="0.3">
      <c r="F588" s="15"/>
    </row>
    <row r="589" spans="6:6" x14ac:dyDescent="0.3">
      <c r="F589" s="15"/>
    </row>
    <row r="590" spans="6:6" x14ac:dyDescent="0.3">
      <c r="F590" s="15"/>
    </row>
    <row r="591" spans="6:6" x14ac:dyDescent="0.3">
      <c r="F591" s="15"/>
    </row>
    <row r="592" spans="6:6" x14ac:dyDescent="0.3">
      <c r="F592" s="15"/>
    </row>
    <row r="593" spans="6:6" x14ac:dyDescent="0.3">
      <c r="F593" s="15"/>
    </row>
    <row r="594" spans="6:6" x14ac:dyDescent="0.3">
      <c r="F594" s="15"/>
    </row>
    <row r="595" spans="6:6" x14ac:dyDescent="0.3">
      <c r="F595" s="15"/>
    </row>
    <row r="596" spans="6:6" x14ac:dyDescent="0.3">
      <c r="F596" s="15"/>
    </row>
    <row r="597" spans="6:6" x14ac:dyDescent="0.3">
      <c r="F597" s="15"/>
    </row>
    <row r="598" spans="6:6" x14ac:dyDescent="0.3">
      <c r="F598" s="15"/>
    </row>
    <row r="599" spans="6:6" x14ac:dyDescent="0.3">
      <c r="F599" s="15"/>
    </row>
    <row r="600" spans="6:6" x14ac:dyDescent="0.3">
      <c r="F600" s="15"/>
    </row>
    <row r="601" spans="6:6" x14ac:dyDescent="0.3">
      <c r="F601" s="15"/>
    </row>
    <row r="602" spans="6:6" x14ac:dyDescent="0.3">
      <c r="F602" s="15"/>
    </row>
    <row r="603" spans="6:6" x14ac:dyDescent="0.3">
      <c r="F603" s="15"/>
    </row>
    <row r="604" spans="6:6" x14ac:dyDescent="0.3">
      <c r="F604" s="15"/>
    </row>
    <row r="605" spans="6:6" x14ac:dyDescent="0.3">
      <c r="F605" s="15"/>
    </row>
    <row r="606" spans="6:6" x14ac:dyDescent="0.3">
      <c r="F606" s="15"/>
    </row>
    <row r="607" spans="6:6" x14ac:dyDescent="0.3">
      <c r="F607" s="15"/>
    </row>
    <row r="608" spans="6:6" x14ac:dyDescent="0.3">
      <c r="F608" s="15"/>
    </row>
    <row r="609" spans="6:6" x14ac:dyDescent="0.3">
      <c r="F609" s="15"/>
    </row>
    <row r="610" spans="6:6" x14ac:dyDescent="0.3">
      <c r="F610" s="15"/>
    </row>
    <row r="611" spans="6:6" x14ac:dyDescent="0.3">
      <c r="F611" s="15"/>
    </row>
    <row r="612" spans="6:6" x14ac:dyDescent="0.3">
      <c r="F612" s="15"/>
    </row>
    <row r="613" spans="6:6" x14ac:dyDescent="0.3">
      <c r="F613" s="15"/>
    </row>
    <row r="614" spans="6:6" x14ac:dyDescent="0.3">
      <c r="F614" s="15"/>
    </row>
    <row r="615" spans="6:6" x14ac:dyDescent="0.3">
      <c r="F615" s="15"/>
    </row>
    <row r="616" spans="6:6" x14ac:dyDescent="0.3">
      <c r="F616" s="15"/>
    </row>
    <row r="617" spans="6:6" x14ac:dyDescent="0.3">
      <c r="F617" s="15"/>
    </row>
    <row r="618" spans="6:6" x14ac:dyDescent="0.3">
      <c r="F618" s="15"/>
    </row>
    <row r="619" spans="6:6" x14ac:dyDescent="0.3">
      <c r="F619" s="15"/>
    </row>
    <row r="620" spans="6:6" x14ac:dyDescent="0.3">
      <c r="F620" s="15"/>
    </row>
    <row r="621" spans="6:6" x14ac:dyDescent="0.3">
      <c r="F621" s="15"/>
    </row>
    <row r="622" spans="6:6" x14ac:dyDescent="0.3">
      <c r="F622" s="15"/>
    </row>
    <row r="623" spans="6:6" x14ac:dyDescent="0.3">
      <c r="F623" s="15"/>
    </row>
    <row r="624" spans="6:6" x14ac:dyDescent="0.3">
      <c r="F624" s="15"/>
    </row>
    <row r="625" spans="6:6" x14ac:dyDescent="0.3">
      <c r="F625" s="15"/>
    </row>
    <row r="626" spans="6:6" x14ac:dyDescent="0.3">
      <c r="F626" s="15"/>
    </row>
    <row r="627" spans="6:6" x14ac:dyDescent="0.3">
      <c r="F627" s="15"/>
    </row>
    <row r="628" spans="6:6" x14ac:dyDescent="0.3">
      <c r="F628" s="15"/>
    </row>
    <row r="629" spans="6:6" x14ac:dyDescent="0.3">
      <c r="F629" s="15"/>
    </row>
    <row r="630" spans="6:6" x14ac:dyDescent="0.3">
      <c r="F630" s="15"/>
    </row>
    <row r="631" spans="6:6" x14ac:dyDescent="0.3">
      <c r="F631" s="15"/>
    </row>
    <row r="632" spans="6:6" x14ac:dyDescent="0.3">
      <c r="F632" s="15"/>
    </row>
    <row r="633" spans="6:6" x14ac:dyDescent="0.3">
      <c r="F633" s="15"/>
    </row>
    <row r="634" spans="6:6" x14ac:dyDescent="0.3">
      <c r="F634" s="15"/>
    </row>
    <row r="635" spans="6:6" x14ac:dyDescent="0.3">
      <c r="F635" s="15"/>
    </row>
    <row r="636" spans="6:6" x14ac:dyDescent="0.3">
      <c r="F636" s="15"/>
    </row>
    <row r="637" spans="6:6" x14ac:dyDescent="0.3">
      <c r="F637" s="15"/>
    </row>
    <row r="638" spans="6:6" x14ac:dyDescent="0.3">
      <c r="F638" s="15"/>
    </row>
    <row r="639" spans="6:6" x14ac:dyDescent="0.3">
      <c r="F639" s="15"/>
    </row>
    <row r="640" spans="6:6" x14ac:dyDescent="0.3">
      <c r="F640" s="15"/>
    </row>
    <row r="641" spans="6:6" x14ac:dyDescent="0.3">
      <c r="F641" s="15"/>
    </row>
    <row r="642" spans="6:6" x14ac:dyDescent="0.3">
      <c r="F642" s="15"/>
    </row>
    <row r="643" spans="6:6" x14ac:dyDescent="0.3">
      <c r="F643" s="15"/>
    </row>
    <row r="644" spans="6:6" x14ac:dyDescent="0.3">
      <c r="F644" s="15"/>
    </row>
    <row r="645" spans="6:6" x14ac:dyDescent="0.3">
      <c r="F645" s="15"/>
    </row>
    <row r="646" spans="6:6" x14ac:dyDescent="0.3">
      <c r="F646" s="15"/>
    </row>
    <row r="647" spans="6:6" x14ac:dyDescent="0.3">
      <c r="F647" s="15"/>
    </row>
    <row r="648" spans="6:6" x14ac:dyDescent="0.3">
      <c r="F648" s="15"/>
    </row>
    <row r="649" spans="6:6" x14ac:dyDescent="0.3">
      <c r="F649" s="15"/>
    </row>
    <row r="650" spans="6:6" x14ac:dyDescent="0.3">
      <c r="F650" s="15"/>
    </row>
    <row r="651" spans="6:6" x14ac:dyDescent="0.3">
      <c r="F651" s="15"/>
    </row>
    <row r="652" spans="6:6" x14ac:dyDescent="0.3">
      <c r="F652" s="15"/>
    </row>
    <row r="653" spans="6:6" x14ac:dyDescent="0.3">
      <c r="F653" s="15"/>
    </row>
    <row r="654" spans="6:6" x14ac:dyDescent="0.3">
      <c r="F654" s="15"/>
    </row>
    <row r="655" spans="6:6" x14ac:dyDescent="0.3">
      <c r="F655" s="15"/>
    </row>
    <row r="656" spans="6:6" x14ac:dyDescent="0.3">
      <c r="F656" s="15"/>
    </row>
    <row r="657" spans="6:6" x14ac:dyDescent="0.3">
      <c r="F657" s="15"/>
    </row>
    <row r="658" spans="6:6" x14ac:dyDescent="0.3">
      <c r="F658" s="15"/>
    </row>
    <row r="659" spans="6:6" x14ac:dyDescent="0.3">
      <c r="F659" s="15"/>
    </row>
    <row r="660" spans="6:6" x14ac:dyDescent="0.3">
      <c r="F660" s="15"/>
    </row>
    <row r="661" spans="6:6" x14ac:dyDescent="0.3">
      <c r="F661" s="15"/>
    </row>
    <row r="662" spans="6:6" x14ac:dyDescent="0.3">
      <c r="F662" s="15"/>
    </row>
    <row r="663" spans="6:6" x14ac:dyDescent="0.3">
      <c r="F663" s="15"/>
    </row>
    <row r="664" spans="6:6" x14ac:dyDescent="0.3">
      <c r="F664" s="15"/>
    </row>
    <row r="665" spans="6:6" x14ac:dyDescent="0.3">
      <c r="F665" s="15"/>
    </row>
    <row r="666" spans="6:6" x14ac:dyDescent="0.3">
      <c r="F666" s="15"/>
    </row>
    <row r="667" spans="6:6" x14ac:dyDescent="0.3">
      <c r="F667" s="15"/>
    </row>
    <row r="668" spans="6:6" x14ac:dyDescent="0.3">
      <c r="F668" s="15"/>
    </row>
    <row r="669" spans="6:6" x14ac:dyDescent="0.3">
      <c r="F669" s="15"/>
    </row>
    <row r="670" spans="6:6" x14ac:dyDescent="0.3">
      <c r="F670" s="15"/>
    </row>
    <row r="671" spans="6:6" x14ac:dyDescent="0.3">
      <c r="F671" s="15"/>
    </row>
    <row r="672" spans="6:6" x14ac:dyDescent="0.3">
      <c r="F672" s="15"/>
    </row>
    <row r="673" spans="6:6" x14ac:dyDescent="0.3">
      <c r="F673" s="15"/>
    </row>
    <row r="674" spans="6:6" x14ac:dyDescent="0.3">
      <c r="F674" s="15"/>
    </row>
    <row r="675" spans="6:6" x14ac:dyDescent="0.3">
      <c r="F675" s="15"/>
    </row>
    <row r="676" spans="6:6" x14ac:dyDescent="0.3">
      <c r="F676" s="15"/>
    </row>
    <row r="677" spans="6:6" x14ac:dyDescent="0.3">
      <c r="F677" s="15"/>
    </row>
    <row r="678" spans="6:6" x14ac:dyDescent="0.3">
      <c r="F678" s="15"/>
    </row>
    <row r="679" spans="6:6" x14ac:dyDescent="0.3">
      <c r="F679" s="15"/>
    </row>
    <row r="680" spans="6:6" x14ac:dyDescent="0.3">
      <c r="F680" s="15"/>
    </row>
    <row r="681" spans="6:6" x14ac:dyDescent="0.3">
      <c r="F681" s="15"/>
    </row>
    <row r="682" spans="6:6" x14ac:dyDescent="0.3">
      <c r="F682" s="15"/>
    </row>
    <row r="683" spans="6:6" x14ac:dyDescent="0.3">
      <c r="F683" s="15"/>
    </row>
    <row r="684" spans="6:6" x14ac:dyDescent="0.3">
      <c r="F684" s="15"/>
    </row>
    <row r="685" spans="6:6" x14ac:dyDescent="0.3">
      <c r="F685" s="15"/>
    </row>
    <row r="686" spans="6:6" x14ac:dyDescent="0.3">
      <c r="F686" s="15"/>
    </row>
    <row r="687" spans="6:6" x14ac:dyDescent="0.3">
      <c r="F687" s="15"/>
    </row>
    <row r="688" spans="6:6" x14ac:dyDescent="0.3">
      <c r="F688" s="15"/>
    </row>
    <row r="689" spans="6:6" x14ac:dyDescent="0.3">
      <c r="F689" s="15"/>
    </row>
    <row r="690" spans="6:6" x14ac:dyDescent="0.3">
      <c r="F690" s="15"/>
    </row>
    <row r="691" spans="6:6" x14ac:dyDescent="0.3">
      <c r="F691" s="15"/>
    </row>
    <row r="692" spans="6:6" x14ac:dyDescent="0.3">
      <c r="F692" s="15"/>
    </row>
    <row r="693" spans="6:6" x14ac:dyDescent="0.3">
      <c r="F693" s="15"/>
    </row>
    <row r="694" spans="6:6" x14ac:dyDescent="0.3">
      <c r="F694" s="15"/>
    </row>
    <row r="695" spans="6:6" x14ac:dyDescent="0.3">
      <c r="F695" s="15"/>
    </row>
    <row r="696" spans="6:6" x14ac:dyDescent="0.3">
      <c r="F696" s="15"/>
    </row>
    <row r="697" spans="6:6" x14ac:dyDescent="0.3">
      <c r="F697" s="15"/>
    </row>
    <row r="698" spans="6:6" x14ac:dyDescent="0.3">
      <c r="F698" s="15"/>
    </row>
    <row r="699" spans="6:6" x14ac:dyDescent="0.3">
      <c r="F699" s="15"/>
    </row>
    <row r="700" spans="6:6" x14ac:dyDescent="0.3">
      <c r="F700" s="15"/>
    </row>
    <row r="701" spans="6:6" x14ac:dyDescent="0.3">
      <c r="F701" s="15"/>
    </row>
    <row r="702" spans="6:6" x14ac:dyDescent="0.3">
      <c r="F702" s="15"/>
    </row>
    <row r="703" spans="6:6" x14ac:dyDescent="0.3">
      <c r="F703" s="15"/>
    </row>
    <row r="704" spans="6:6" x14ac:dyDescent="0.3">
      <c r="F704" s="15"/>
    </row>
    <row r="705" spans="6:6" x14ac:dyDescent="0.3">
      <c r="F705" s="15"/>
    </row>
    <row r="706" spans="6:6" x14ac:dyDescent="0.3">
      <c r="F706" s="15"/>
    </row>
    <row r="707" spans="6:6" x14ac:dyDescent="0.3">
      <c r="F707" s="15"/>
    </row>
    <row r="708" spans="6:6" x14ac:dyDescent="0.3">
      <c r="F708" s="15"/>
    </row>
    <row r="709" spans="6:6" x14ac:dyDescent="0.3">
      <c r="F709" s="15"/>
    </row>
    <row r="710" spans="6:6" x14ac:dyDescent="0.3">
      <c r="F710" s="15"/>
    </row>
    <row r="711" spans="6:6" x14ac:dyDescent="0.3">
      <c r="F711" s="15"/>
    </row>
    <row r="712" spans="6:6" x14ac:dyDescent="0.3">
      <c r="F712" s="15"/>
    </row>
    <row r="713" spans="6:6" x14ac:dyDescent="0.3">
      <c r="F713" s="15"/>
    </row>
    <row r="714" spans="6:6" x14ac:dyDescent="0.3">
      <c r="F714" s="15"/>
    </row>
    <row r="715" spans="6:6" x14ac:dyDescent="0.3">
      <c r="F715" s="15"/>
    </row>
    <row r="716" spans="6:6" x14ac:dyDescent="0.3">
      <c r="F716" s="15"/>
    </row>
    <row r="717" spans="6:6" x14ac:dyDescent="0.3">
      <c r="F717" s="15"/>
    </row>
    <row r="718" spans="6:6" x14ac:dyDescent="0.3">
      <c r="F718" s="15"/>
    </row>
    <row r="719" spans="6:6" x14ac:dyDescent="0.3">
      <c r="F719" s="15"/>
    </row>
    <row r="720" spans="6:6" x14ac:dyDescent="0.3">
      <c r="F720" s="15"/>
    </row>
    <row r="721" spans="6:6" x14ac:dyDescent="0.3">
      <c r="F721" s="15"/>
    </row>
    <row r="722" spans="6:6" x14ac:dyDescent="0.3">
      <c r="F722" s="15"/>
    </row>
    <row r="723" spans="6:6" x14ac:dyDescent="0.3">
      <c r="F723" s="15"/>
    </row>
    <row r="724" spans="6:6" x14ac:dyDescent="0.3">
      <c r="F724" s="15"/>
    </row>
    <row r="725" spans="6:6" x14ac:dyDescent="0.3">
      <c r="F725" s="15"/>
    </row>
    <row r="726" spans="6:6" x14ac:dyDescent="0.3">
      <c r="F726" s="15"/>
    </row>
    <row r="727" spans="6:6" x14ac:dyDescent="0.3">
      <c r="F727" s="15"/>
    </row>
    <row r="728" spans="6:6" x14ac:dyDescent="0.3">
      <c r="F728" s="15"/>
    </row>
    <row r="729" spans="6:6" x14ac:dyDescent="0.3">
      <c r="F729" s="15"/>
    </row>
    <row r="730" spans="6:6" x14ac:dyDescent="0.3">
      <c r="F730" s="15"/>
    </row>
    <row r="731" spans="6:6" x14ac:dyDescent="0.3">
      <c r="F731" s="15"/>
    </row>
    <row r="732" spans="6:6" x14ac:dyDescent="0.3">
      <c r="F732" s="15"/>
    </row>
    <row r="733" spans="6:6" x14ac:dyDescent="0.3">
      <c r="F733" s="15"/>
    </row>
    <row r="734" spans="6:6" x14ac:dyDescent="0.3">
      <c r="F734" s="15"/>
    </row>
    <row r="735" spans="6:6" x14ac:dyDescent="0.3">
      <c r="F735" s="15"/>
    </row>
    <row r="736" spans="6:6" x14ac:dyDescent="0.3">
      <c r="F736" s="15"/>
    </row>
    <row r="737" spans="6:6" x14ac:dyDescent="0.3">
      <c r="F737" s="15"/>
    </row>
    <row r="738" spans="6:6" x14ac:dyDescent="0.3">
      <c r="F738" s="15"/>
    </row>
    <row r="739" spans="6:6" x14ac:dyDescent="0.3">
      <c r="F739" s="15"/>
    </row>
    <row r="740" spans="6:6" x14ac:dyDescent="0.3">
      <c r="F740" s="15"/>
    </row>
    <row r="741" spans="6:6" x14ac:dyDescent="0.3">
      <c r="F741" s="15"/>
    </row>
    <row r="742" spans="6:6" x14ac:dyDescent="0.3">
      <c r="F742" s="15"/>
    </row>
    <row r="743" spans="6:6" x14ac:dyDescent="0.3">
      <c r="F743" s="15"/>
    </row>
    <row r="744" spans="6:6" x14ac:dyDescent="0.3">
      <c r="F744" s="15"/>
    </row>
    <row r="745" spans="6:6" x14ac:dyDescent="0.3">
      <c r="F745" s="15"/>
    </row>
    <row r="746" spans="6:6" x14ac:dyDescent="0.3">
      <c r="F746" s="15"/>
    </row>
    <row r="747" spans="6:6" x14ac:dyDescent="0.3">
      <c r="F747" s="15"/>
    </row>
    <row r="748" spans="6:6" x14ac:dyDescent="0.3">
      <c r="F748" s="15"/>
    </row>
    <row r="749" spans="6:6" x14ac:dyDescent="0.3">
      <c r="F749" s="15"/>
    </row>
    <row r="750" spans="6:6" x14ac:dyDescent="0.3">
      <c r="F750" s="15"/>
    </row>
    <row r="751" spans="6:6" x14ac:dyDescent="0.3">
      <c r="F751" s="15"/>
    </row>
    <row r="752" spans="6:6" x14ac:dyDescent="0.3">
      <c r="F752" s="15"/>
    </row>
    <row r="753" spans="6:6" x14ac:dyDescent="0.3">
      <c r="F753" s="15"/>
    </row>
    <row r="754" spans="6:6" x14ac:dyDescent="0.3">
      <c r="F754" s="15"/>
    </row>
    <row r="755" spans="6:6" x14ac:dyDescent="0.3">
      <c r="F755" s="15"/>
    </row>
    <row r="756" spans="6:6" x14ac:dyDescent="0.3">
      <c r="F756" s="15"/>
    </row>
    <row r="757" spans="6:6" x14ac:dyDescent="0.3">
      <c r="F757" s="15"/>
    </row>
    <row r="758" spans="6:6" x14ac:dyDescent="0.3">
      <c r="F758" s="15"/>
    </row>
    <row r="759" spans="6:6" x14ac:dyDescent="0.3">
      <c r="F759" s="15"/>
    </row>
    <row r="760" spans="6:6" x14ac:dyDescent="0.3">
      <c r="F760" s="15"/>
    </row>
    <row r="761" spans="6:6" x14ac:dyDescent="0.3">
      <c r="F761" s="15"/>
    </row>
    <row r="762" spans="6:6" x14ac:dyDescent="0.3">
      <c r="F762" s="15"/>
    </row>
    <row r="763" spans="6:6" x14ac:dyDescent="0.3">
      <c r="F763" s="15"/>
    </row>
    <row r="764" spans="6:6" x14ac:dyDescent="0.3">
      <c r="F764" s="15"/>
    </row>
    <row r="765" spans="6:6" x14ac:dyDescent="0.3">
      <c r="F765" s="15"/>
    </row>
    <row r="766" spans="6:6" x14ac:dyDescent="0.3">
      <c r="F766" s="15"/>
    </row>
    <row r="767" spans="6:6" x14ac:dyDescent="0.3">
      <c r="F767" s="15"/>
    </row>
    <row r="768" spans="6:6" x14ac:dyDescent="0.3">
      <c r="F768" s="15"/>
    </row>
    <row r="769" spans="6:6" x14ac:dyDescent="0.3">
      <c r="F769" s="15"/>
    </row>
    <row r="770" spans="6:6" x14ac:dyDescent="0.3">
      <c r="F770" s="15"/>
    </row>
    <row r="771" spans="6:6" x14ac:dyDescent="0.3">
      <c r="F771" s="15"/>
    </row>
    <row r="772" spans="6:6" x14ac:dyDescent="0.3">
      <c r="F772" s="15"/>
    </row>
    <row r="773" spans="6:6" x14ac:dyDescent="0.3">
      <c r="F773" s="15"/>
    </row>
    <row r="774" spans="6:6" x14ac:dyDescent="0.3">
      <c r="F774" s="15"/>
    </row>
    <row r="775" spans="6:6" x14ac:dyDescent="0.3">
      <c r="F775" s="15"/>
    </row>
    <row r="776" spans="6:6" x14ac:dyDescent="0.3">
      <c r="F776" s="15"/>
    </row>
    <row r="777" spans="6:6" x14ac:dyDescent="0.3">
      <c r="F777" s="15"/>
    </row>
    <row r="778" spans="6:6" x14ac:dyDescent="0.3">
      <c r="F778" s="15"/>
    </row>
    <row r="779" spans="6:6" x14ac:dyDescent="0.3">
      <c r="F779" s="15"/>
    </row>
    <row r="780" spans="6:6" x14ac:dyDescent="0.3">
      <c r="F780" s="15"/>
    </row>
    <row r="781" spans="6:6" x14ac:dyDescent="0.3">
      <c r="F781" s="15"/>
    </row>
    <row r="782" spans="6:6" x14ac:dyDescent="0.3">
      <c r="F782" s="15"/>
    </row>
    <row r="783" spans="6:6" x14ac:dyDescent="0.3">
      <c r="F783" s="15"/>
    </row>
    <row r="784" spans="6:6" x14ac:dyDescent="0.3">
      <c r="F784" s="15"/>
    </row>
    <row r="785" spans="6:6" x14ac:dyDescent="0.3">
      <c r="F785" s="15"/>
    </row>
    <row r="786" spans="6:6" x14ac:dyDescent="0.3">
      <c r="F786" s="15"/>
    </row>
    <row r="787" spans="6:6" x14ac:dyDescent="0.3">
      <c r="F787" s="15"/>
    </row>
    <row r="788" spans="6:6" x14ac:dyDescent="0.3">
      <c r="F788" s="15"/>
    </row>
    <row r="789" spans="6:6" x14ac:dyDescent="0.3">
      <c r="F789" s="15"/>
    </row>
    <row r="790" spans="6:6" x14ac:dyDescent="0.3">
      <c r="F790" s="15"/>
    </row>
    <row r="791" spans="6:6" x14ac:dyDescent="0.3">
      <c r="F791" s="15"/>
    </row>
    <row r="792" spans="6:6" x14ac:dyDescent="0.3">
      <c r="F792" s="15"/>
    </row>
    <row r="793" spans="6:6" x14ac:dyDescent="0.3">
      <c r="F793" s="15"/>
    </row>
    <row r="794" spans="6:6" x14ac:dyDescent="0.3">
      <c r="F794" s="15"/>
    </row>
    <row r="795" spans="6:6" x14ac:dyDescent="0.3">
      <c r="F795" s="15"/>
    </row>
    <row r="796" spans="6:6" x14ac:dyDescent="0.3">
      <c r="F796" s="15"/>
    </row>
    <row r="797" spans="6:6" x14ac:dyDescent="0.3">
      <c r="F797" s="15"/>
    </row>
    <row r="798" spans="6:6" x14ac:dyDescent="0.3">
      <c r="F798" s="15"/>
    </row>
    <row r="799" spans="6:6" x14ac:dyDescent="0.3">
      <c r="F799" s="15"/>
    </row>
    <row r="800" spans="6:6" x14ac:dyDescent="0.3">
      <c r="F800" s="15"/>
    </row>
    <row r="801" spans="6:6" x14ac:dyDescent="0.3">
      <c r="F801" s="15"/>
    </row>
    <row r="802" spans="6:6" x14ac:dyDescent="0.3">
      <c r="F802" s="15"/>
    </row>
    <row r="803" spans="6:6" x14ac:dyDescent="0.3">
      <c r="F803" s="15"/>
    </row>
    <row r="804" spans="6:6" x14ac:dyDescent="0.3">
      <c r="F804" s="15"/>
    </row>
    <row r="805" spans="6:6" x14ac:dyDescent="0.3">
      <c r="F805" s="15"/>
    </row>
    <row r="806" spans="6:6" x14ac:dyDescent="0.3">
      <c r="F806" s="15"/>
    </row>
    <row r="807" spans="6:6" x14ac:dyDescent="0.3">
      <c r="F807" s="15"/>
    </row>
    <row r="808" spans="6:6" x14ac:dyDescent="0.3">
      <c r="F808" s="15"/>
    </row>
    <row r="809" spans="6:6" x14ac:dyDescent="0.3">
      <c r="F809" s="15"/>
    </row>
    <row r="810" spans="6:6" x14ac:dyDescent="0.3">
      <c r="F810" s="15"/>
    </row>
    <row r="811" spans="6:6" x14ac:dyDescent="0.3">
      <c r="F811" s="15"/>
    </row>
    <row r="812" spans="6:6" x14ac:dyDescent="0.3">
      <c r="F812" s="15"/>
    </row>
    <row r="813" spans="6:6" x14ac:dyDescent="0.3">
      <c r="F813" s="15"/>
    </row>
    <row r="814" spans="6:6" x14ac:dyDescent="0.3">
      <c r="F814" s="15"/>
    </row>
    <row r="815" spans="6:6" x14ac:dyDescent="0.3">
      <c r="F815" s="15"/>
    </row>
    <row r="816" spans="6:6" x14ac:dyDescent="0.3">
      <c r="F816" s="15"/>
    </row>
    <row r="817" spans="6:6" x14ac:dyDescent="0.3">
      <c r="F817" s="15"/>
    </row>
    <row r="818" spans="6:6" x14ac:dyDescent="0.3">
      <c r="F818" s="15"/>
    </row>
    <row r="819" spans="6:6" x14ac:dyDescent="0.3">
      <c r="F819" s="15"/>
    </row>
    <row r="820" spans="6:6" x14ac:dyDescent="0.3">
      <c r="F820" s="15"/>
    </row>
    <row r="821" spans="6:6" x14ac:dyDescent="0.3">
      <c r="F821" s="15"/>
    </row>
    <row r="822" spans="6:6" x14ac:dyDescent="0.3">
      <c r="F822" s="15"/>
    </row>
    <row r="823" spans="6:6" x14ac:dyDescent="0.3">
      <c r="F823" s="15"/>
    </row>
    <row r="824" spans="6:6" x14ac:dyDescent="0.3">
      <c r="F824" s="15"/>
    </row>
    <row r="825" spans="6:6" x14ac:dyDescent="0.3">
      <c r="F825" s="15"/>
    </row>
    <row r="826" spans="6:6" x14ac:dyDescent="0.3">
      <c r="F826" s="15"/>
    </row>
    <row r="827" spans="6:6" x14ac:dyDescent="0.3">
      <c r="F827" s="15"/>
    </row>
    <row r="828" spans="6:6" x14ac:dyDescent="0.3">
      <c r="F828" s="15"/>
    </row>
    <row r="829" spans="6:6" x14ac:dyDescent="0.3">
      <c r="F829" s="15"/>
    </row>
    <row r="830" spans="6:6" x14ac:dyDescent="0.3">
      <c r="F830" s="15"/>
    </row>
    <row r="831" spans="6:6" x14ac:dyDescent="0.3">
      <c r="F831" s="15"/>
    </row>
    <row r="832" spans="6:6" x14ac:dyDescent="0.3">
      <c r="F832" s="15"/>
    </row>
    <row r="833" spans="6:6" x14ac:dyDescent="0.3">
      <c r="F833" s="15"/>
    </row>
    <row r="834" spans="6:6" x14ac:dyDescent="0.3">
      <c r="F834" s="15"/>
    </row>
    <row r="835" spans="6:6" x14ac:dyDescent="0.3">
      <c r="F835" s="15"/>
    </row>
    <row r="836" spans="6:6" x14ac:dyDescent="0.3">
      <c r="F836" s="15"/>
    </row>
    <row r="837" spans="6:6" x14ac:dyDescent="0.3">
      <c r="F837" s="15"/>
    </row>
    <row r="838" spans="6:6" x14ac:dyDescent="0.3">
      <c r="F838" s="15"/>
    </row>
    <row r="839" spans="6:6" x14ac:dyDescent="0.3">
      <c r="F839" s="15"/>
    </row>
    <row r="840" spans="6:6" x14ac:dyDescent="0.3">
      <c r="F840" s="15"/>
    </row>
    <row r="841" spans="6:6" x14ac:dyDescent="0.3">
      <c r="F841" s="15"/>
    </row>
    <row r="842" spans="6:6" x14ac:dyDescent="0.3">
      <c r="F842" s="15"/>
    </row>
    <row r="843" spans="6:6" x14ac:dyDescent="0.3">
      <c r="F843" s="15"/>
    </row>
    <row r="844" spans="6:6" x14ac:dyDescent="0.3">
      <c r="F844" s="15"/>
    </row>
    <row r="845" spans="6:6" x14ac:dyDescent="0.3">
      <c r="F845" s="15"/>
    </row>
    <row r="846" spans="6:6" x14ac:dyDescent="0.3">
      <c r="F846" s="15"/>
    </row>
    <row r="847" spans="6:6" x14ac:dyDescent="0.3">
      <c r="F847" s="15"/>
    </row>
    <row r="848" spans="6:6" x14ac:dyDescent="0.3">
      <c r="F848" s="15"/>
    </row>
    <row r="849" spans="6:6" x14ac:dyDescent="0.3">
      <c r="F849" s="15"/>
    </row>
    <row r="850" spans="6:6" x14ac:dyDescent="0.3">
      <c r="F850" s="15"/>
    </row>
    <row r="851" spans="6:6" x14ac:dyDescent="0.3">
      <c r="F851" s="15"/>
    </row>
    <row r="852" spans="6:6" x14ac:dyDescent="0.3">
      <c r="F852" s="15"/>
    </row>
    <row r="853" spans="6:6" x14ac:dyDescent="0.3">
      <c r="F853" s="15"/>
    </row>
    <row r="854" spans="6:6" x14ac:dyDescent="0.3">
      <c r="F854" s="15"/>
    </row>
    <row r="855" spans="6:6" x14ac:dyDescent="0.3">
      <c r="F855" s="15"/>
    </row>
    <row r="856" spans="6:6" x14ac:dyDescent="0.3">
      <c r="F856" s="15"/>
    </row>
    <row r="857" spans="6:6" x14ac:dyDescent="0.3">
      <c r="F857" s="15"/>
    </row>
    <row r="858" spans="6:6" x14ac:dyDescent="0.3">
      <c r="F858" s="15"/>
    </row>
    <row r="859" spans="6:6" x14ac:dyDescent="0.3">
      <c r="F859" s="15"/>
    </row>
    <row r="860" spans="6:6" x14ac:dyDescent="0.3">
      <c r="F860" s="15"/>
    </row>
    <row r="861" spans="6:6" x14ac:dyDescent="0.3">
      <c r="F861" s="15"/>
    </row>
    <row r="862" spans="6:6" x14ac:dyDescent="0.3">
      <c r="F862" s="15"/>
    </row>
    <row r="863" spans="6:6" x14ac:dyDescent="0.3">
      <c r="F863" s="15"/>
    </row>
    <row r="864" spans="6:6" x14ac:dyDescent="0.3">
      <c r="F864" s="15"/>
    </row>
    <row r="865" spans="6:6" x14ac:dyDescent="0.3">
      <c r="F865" s="15"/>
    </row>
    <row r="866" spans="6:6" x14ac:dyDescent="0.3">
      <c r="F866" s="15"/>
    </row>
    <row r="867" spans="6:6" x14ac:dyDescent="0.3">
      <c r="F867" s="15"/>
    </row>
    <row r="868" spans="6:6" x14ac:dyDescent="0.3">
      <c r="F868" s="15"/>
    </row>
    <row r="869" spans="6:6" x14ac:dyDescent="0.3">
      <c r="F869" s="15"/>
    </row>
    <row r="870" spans="6:6" x14ac:dyDescent="0.3">
      <c r="F870" s="15"/>
    </row>
    <row r="871" spans="6:6" x14ac:dyDescent="0.3">
      <c r="F871" s="15"/>
    </row>
    <row r="872" spans="6:6" x14ac:dyDescent="0.3">
      <c r="F872" s="15"/>
    </row>
    <row r="873" spans="6:6" x14ac:dyDescent="0.3">
      <c r="F873" s="15"/>
    </row>
    <row r="874" spans="6:6" x14ac:dyDescent="0.3">
      <c r="F874" s="15"/>
    </row>
    <row r="875" spans="6:6" x14ac:dyDescent="0.3">
      <c r="F875" s="15"/>
    </row>
    <row r="876" spans="6:6" x14ac:dyDescent="0.3">
      <c r="F876" s="15"/>
    </row>
    <row r="877" spans="6:6" x14ac:dyDescent="0.3">
      <c r="F877" s="15"/>
    </row>
    <row r="878" spans="6:6" x14ac:dyDescent="0.3">
      <c r="F878" s="15"/>
    </row>
    <row r="879" spans="6:6" x14ac:dyDescent="0.3">
      <c r="F879" s="15"/>
    </row>
    <row r="880" spans="6:6" x14ac:dyDescent="0.3">
      <c r="F880" s="15"/>
    </row>
    <row r="881" spans="6:6" x14ac:dyDescent="0.3">
      <c r="F881" s="15"/>
    </row>
    <row r="882" spans="6:6" x14ac:dyDescent="0.3">
      <c r="F882" s="15"/>
    </row>
    <row r="883" spans="6:6" x14ac:dyDescent="0.3">
      <c r="F883" s="15"/>
    </row>
    <row r="884" spans="6:6" x14ac:dyDescent="0.3">
      <c r="F884" s="15"/>
    </row>
    <row r="885" spans="6:6" x14ac:dyDescent="0.3">
      <c r="F885" s="15"/>
    </row>
    <row r="886" spans="6:6" x14ac:dyDescent="0.3">
      <c r="F886" s="15"/>
    </row>
    <row r="887" spans="6:6" x14ac:dyDescent="0.3">
      <c r="F887" s="15"/>
    </row>
    <row r="888" spans="6:6" x14ac:dyDescent="0.3">
      <c r="F888" s="15"/>
    </row>
    <row r="889" spans="6:6" x14ac:dyDescent="0.3">
      <c r="F889" s="15"/>
    </row>
    <row r="890" spans="6:6" x14ac:dyDescent="0.3">
      <c r="F890" s="15"/>
    </row>
    <row r="891" spans="6:6" x14ac:dyDescent="0.3">
      <c r="F891" s="15"/>
    </row>
    <row r="892" spans="6:6" x14ac:dyDescent="0.3">
      <c r="F892" s="15"/>
    </row>
    <row r="893" spans="6:6" x14ac:dyDescent="0.3">
      <c r="F893" s="15"/>
    </row>
    <row r="894" spans="6:6" x14ac:dyDescent="0.3">
      <c r="F894" s="15"/>
    </row>
    <row r="895" spans="6:6" x14ac:dyDescent="0.3">
      <c r="F895" s="15"/>
    </row>
    <row r="896" spans="6:6" x14ac:dyDescent="0.3">
      <c r="F896" s="15"/>
    </row>
    <row r="897" spans="6:6" x14ac:dyDescent="0.3">
      <c r="F897" s="15"/>
    </row>
    <row r="898" spans="6:6" x14ac:dyDescent="0.3">
      <c r="F898" s="15"/>
    </row>
    <row r="899" spans="6:6" x14ac:dyDescent="0.3">
      <c r="F899" s="15"/>
    </row>
    <row r="900" spans="6:6" x14ac:dyDescent="0.3">
      <c r="F900" s="15"/>
    </row>
    <row r="901" spans="6:6" x14ac:dyDescent="0.3">
      <c r="F901" s="15"/>
    </row>
    <row r="902" spans="6:6" x14ac:dyDescent="0.3">
      <c r="F902" s="15"/>
    </row>
    <row r="903" spans="6:6" x14ac:dyDescent="0.3">
      <c r="F903" s="15"/>
    </row>
    <row r="904" spans="6:6" x14ac:dyDescent="0.3">
      <c r="F904" s="15"/>
    </row>
    <row r="905" spans="6:6" x14ac:dyDescent="0.3">
      <c r="F905" s="15"/>
    </row>
    <row r="906" spans="6:6" x14ac:dyDescent="0.3">
      <c r="F906" s="15"/>
    </row>
    <row r="907" spans="6:6" x14ac:dyDescent="0.3">
      <c r="F907" s="15"/>
    </row>
    <row r="908" spans="6:6" x14ac:dyDescent="0.3">
      <c r="F908" s="15"/>
    </row>
    <row r="909" spans="6:6" x14ac:dyDescent="0.3">
      <c r="F909" s="15"/>
    </row>
    <row r="910" spans="6:6" x14ac:dyDescent="0.3">
      <c r="F910" s="15"/>
    </row>
    <row r="911" spans="6:6" x14ac:dyDescent="0.3">
      <c r="F911" s="15"/>
    </row>
    <row r="912" spans="6:6" x14ac:dyDescent="0.3">
      <c r="F912" s="15"/>
    </row>
    <row r="913" spans="6:6" x14ac:dyDescent="0.3">
      <c r="F913" s="15"/>
    </row>
    <row r="914" spans="6:6" x14ac:dyDescent="0.3">
      <c r="F914" s="15"/>
    </row>
    <row r="915" spans="6:6" x14ac:dyDescent="0.3">
      <c r="F915" s="15"/>
    </row>
    <row r="916" spans="6:6" x14ac:dyDescent="0.3">
      <c r="F916" s="15"/>
    </row>
    <row r="917" spans="6:6" x14ac:dyDescent="0.3">
      <c r="F917" s="15"/>
    </row>
    <row r="918" spans="6:6" x14ac:dyDescent="0.3">
      <c r="F918" s="15"/>
    </row>
    <row r="919" spans="6:6" x14ac:dyDescent="0.3">
      <c r="F919" s="15"/>
    </row>
    <row r="920" spans="6:6" x14ac:dyDescent="0.3">
      <c r="F920" s="15"/>
    </row>
    <row r="921" spans="6:6" x14ac:dyDescent="0.3">
      <c r="F921" s="15"/>
    </row>
    <row r="922" spans="6:6" x14ac:dyDescent="0.3">
      <c r="F922" s="15"/>
    </row>
    <row r="923" spans="6:6" x14ac:dyDescent="0.3">
      <c r="F923" s="15"/>
    </row>
    <row r="924" spans="6:6" x14ac:dyDescent="0.3">
      <c r="F924" s="15"/>
    </row>
    <row r="925" spans="6:6" x14ac:dyDescent="0.3">
      <c r="F925" s="15"/>
    </row>
    <row r="926" spans="6:6" x14ac:dyDescent="0.3">
      <c r="F926" s="15"/>
    </row>
    <row r="927" spans="6:6" x14ac:dyDescent="0.3">
      <c r="F927" s="15"/>
    </row>
    <row r="928" spans="6:6" x14ac:dyDescent="0.3">
      <c r="F928" s="15"/>
    </row>
    <row r="929" spans="6:6" x14ac:dyDescent="0.3">
      <c r="F929" s="15"/>
    </row>
    <row r="930" spans="6:6" x14ac:dyDescent="0.3">
      <c r="F930" s="15"/>
    </row>
    <row r="931" spans="6:6" x14ac:dyDescent="0.3">
      <c r="F931" s="15"/>
    </row>
    <row r="932" spans="6:6" x14ac:dyDescent="0.3">
      <c r="F932" s="15"/>
    </row>
    <row r="933" spans="6:6" x14ac:dyDescent="0.3">
      <c r="F933" s="15"/>
    </row>
    <row r="934" spans="6:6" x14ac:dyDescent="0.3">
      <c r="F934" s="15"/>
    </row>
    <row r="935" spans="6:6" x14ac:dyDescent="0.3">
      <c r="F935" s="15"/>
    </row>
    <row r="936" spans="6:6" x14ac:dyDescent="0.3">
      <c r="F936" s="15"/>
    </row>
    <row r="937" spans="6:6" x14ac:dyDescent="0.3">
      <c r="F937" s="15"/>
    </row>
    <row r="938" spans="6:6" x14ac:dyDescent="0.3">
      <c r="F938" s="15"/>
    </row>
    <row r="939" spans="6:6" x14ac:dyDescent="0.3">
      <c r="F939" s="15"/>
    </row>
    <row r="940" spans="6:6" x14ac:dyDescent="0.3">
      <c r="F940" s="15"/>
    </row>
    <row r="941" spans="6:6" x14ac:dyDescent="0.3">
      <c r="F941" s="15"/>
    </row>
    <row r="942" spans="6:6" x14ac:dyDescent="0.3">
      <c r="F942" s="15"/>
    </row>
    <row r="943" spans="6:6" x14ac:dyDescent="0.3">
      <c r="F943" s="15"/>
    </row>
    <row r="944" spans="6:6" x14ac:dyDescent="0.3">
      <c r="F944" s="15"/>
    </row>
    <row r="945" spans="6:6" x14ac:dyDescent="0.3">
      <c r="F945" s="15"/>
    </row>
    <row r="946" spans="6:6" x14ac:dyDescent="0.3">
      <c r="F946" s="15"/>
    </row>
    <row r="947" spans="6:6" x14ac:dyDescent="0.3">
      <c r="F947" s="15"/>
    </row>
    <row r="948" spans="6:6" x14ac:dyDescent="0.3">
      <c r="F948" s="15"/>
    </row>
    <row r="949" spans="6:6" x14ac:dyDescent="0.3">
      <c r="F949" s="15"/>
    </row>
    <row r="950" spans="6:6" x14ac:dyDescent="0.3">
      <c r="F950" s="15"/>
    </row>
    <row r="951" spans="6:6" x14ac:dyDescent="0.3">
      <c r="F951" s="15"/>
    </row>
    <row r="952" spans="6:6" x14ac:dyDescent="0.3">
      <c r="F952" s="15"/>
    </row>
    <row r="953" spans="6:6" x14ac:dyDescent="0.3">
      <c r="F953" s="15"/>
    </row>
    <row r="954" spans="6:6" x14ac:dyDescent="0.3">
      <c r="F954" s="15"/>
    </row>
    <row r="955" spans="6:6" x14ac:dyDescent="0.3">
      <c r="F955" s="15"/>
    </row>
    <row r="956" spans="6:6" x14ac:dyDescent="0.3">
      <c r="F956" s="15"/>
    </row>
    <row r="957" spans="6:6" x14ac:dyDescent="0.3">
      <c r="F957" s="15"/>
    </row>
    <row r="958" spans="6:6" x14ac:dyDescent="0.3">
      <c r="F958" s="15"/>
    </row>
    <row r="959" spans="6:6" x14ac:dyDescent="0.3">
      <c r="F959" s="15"/>
    </row>
    <row r="960" spans="6:6" x14ac:dyDescent="0.3">
      <c r="F960" s="15"/>
    </row>
    <row r="961" spans="6:6" x14ac:dyDescent="0.3">
      <c r="F961" s="15"/>
    </row>
    <row r="962" spans="6:6" x14ac:dyDescent="0.3">
      <c r="F962" s="15"/>
    </row>
    <row r="963" spans="6:6" x14ac:dyDescent="0.3">
      <c r="F963" s="15"/>
    </row>
    <row r="964" spans="6:6" x14ac:dyDescent="0.3">
      <c r="F964" s="15"/>
    </row>
    <row r="965" spans="6:6" x14ac:dyDescent="0.3">
      <c r="F965" s="15"/>
    </row>
    <row r="966" spans="6:6" x14ac:dyDescent="0.3">
      <c r="F966" s="15"/>
    </row>
    <row r="967" spans="6:6" x14ac:dyDescent="0.3">
      <c r="F967" s="15"/>
    </row>
    <row r="968" spans="6:6" x14ac:dyDescent="0.3">
      <c r="F968" s="15"/>
    </row>
    <row r="969" spans="6:6" x14ac:dyDescent="0.3">
      <c r="F969" s="15"/>
    </row>
    <row r="970" spans="6:6" x14ac:dyDescent="0.3">
      <c r="F970" s="15"/>
    </row>
    <row r="971" spans="6:6" x14ac:dyDescent="0.3">
      <c r="F971" s="15"/>
    </row>
    <row r="972" spans="6:6" x14ac:dyDescent="0.3">
      <c r="F972" s="15"/>
    </row>
    <row r="973" spans="6:6" x14ac:dyDescent="0.3">
      <c r="F973" s="15"/>
    </row>
    <row r="974" spans="6:6" x14ac:dyDescent="0.3">
      <c r="F974" s="15"/>
    </row>
    <row r="975" spans="6:6" x14ac:dyDescent="0.3">
      <c r="F975" s="15"/>
    </row>
    <row r="976" spans="6:6" x14ac:dyDescent="0.3">
      <c r="F976" s="15"/>
    </row>
    <row r="977" spans="6:6" x14ac:dyDescent="0.3">
      <c r="F977" s="15"/>
    </row>
    <row r="978" spans="6:6" x14ac:dyDescent="0.3">
      <c r="F978" s="15"/>
    </row>
    <row r="979" spans="6:6" x14ac:dyDescent="0.3">
      <c r="F979" s="15"/>
    </row>
    <row r="980" spans="6:6" x14ac:dyDescent="0.3">
      <c r="F980" s="15"/>
    </row>
    <row r="981" spans="6:6" x14ac:dyDescent="0.3">
      <c r="F981" s="15"/>
    </row>
    <row r="982" spans="6:6" x14ac:dyDescent="0.3">
      <c r="F982" s="15"/>
    </row>
    <row r="983" spans="6:6" x14ac:dyDescent="0.3">
      <c r="F983" s="15"/>
    </row>
    <row r="984" spans="6:6" x14ac:dyDescent="0.3">
      <c r="F984" s="15"/>
    </row>
    <row r="985" spans="6:6" x14ac:dyDescent="0.3">
      <c r="F985" s="15"/>
    </row>
    <row r="986" spans="6:6" x14ac:dyDescent="0.3">
      <c r="F986" s="15"/>
    </row>
    <row r="987" spans="6:6" x14ac:dyDescent="0.3">
      <c r="F987" s="15"/>
    </row>
    <row r="988" spans="6:6" x14ac:dyDescent="0.3">
      <c r="F988" s="15"/>
    </row>
    <row r="989" spans="6:6" x14ac:dyDescent="0.3">
      <c r="F989" s="15"/>
    </row>
    <row r="990" spans="6:6" x14ac:dyDescent="0.3">
      <c r="F990" s="15"/>
    </row>
    <row r="991" spans="6:6" x14ac:dyDescent="0.3">
      <c r="F991" s="15"/>
    </row>
    <row r="992" spans="6:6" x14ac:dyDescent="0.3">
      <c r="F992" s="15"/>
    </row>
    <row r="993" spans="6:6" x14ac:dyDescent="0.3">
      <c r="F993" s="15"/>
    </row>
    <row r="994" spans="6:6" x14ac:dyDescent="0.3">
      <c r="F994" s="15"/>
    </row>
    <row r="995" spans="6:6" x14ac:dyDescent="0.3">
      <c r="F995" s="15"/>
    </row>
    <row r="996" spans="6:6" x14ac:dyDescent="0.3">
      <c r="F996" s="15"/>
    </row>
    <row r="997" spans="6:6" x14ac:dyDescent="0.3">
      <c r="F997" s="15"/>
    </row>
    <row r="998" spans="6:6" x14ac:dyDescent="0.3">
      <c r="F998" s="15"/>
    </row>
    <row r="999" spans="6:6" x14ac:dyDescent="0.3">
      <c r="F999" s="15"/>
    </row>
    <row r="1000" spans="6:6" x14ac:dyDescent="0.3">
      <c r="F1000" s="15"/>
    </row>
    <row r="1001" spans="6:6" x14ac:dyDescent="0.3">
      <c r="F1001" s="15"/>
    </row>
    <row r="1002" spans="6:6" x14ac:dyDescent="0.3">
      <c r="F1002" s="15"/>
    </row>
    <row r="1003" spans="6:6" x14ac:dyDescent="0.3">
      <c r="F1003" s="15"/>
    </row>
    <row r="1004" spans="6:6" x14ac:dyDescent="0.3">
      <c r="F1004" s="15"/>
    </row>
    <row r="1005" spans="6:6" x14ac:dyDescent="0.3">
      <c r="F1005" s="15"/>
    </row>
    <row r="1006" spans="6:6" x14ac:dyDescent="0.3">
      <c r="F1006" s="15"/>
    </row>
    <row r="1007" spans="6:6" x14ac:dyDescent="0.3">
      <c r="F1007" s="15"/>
    </row>
    <row r="1008" spans="6:6" x14ac:dyDescent="0.3">
      <c r="F1008" s="15"/>
    </row>
    <row r="1009" spans="6:6" x14ac:dyDescent="0.3">
      <c r="F1009" s="15"/>
    </row>
    <row r="1010" spans="6:6" x14ac:dyDescent="0.3">
      <c r="F1010" s="15"/>
    </row>
    <row r="1011" spans="6:6" x14ac:dyDescent="0.3">
      <c r="F1011" s="15"/>
    </row>
    <row r="1012" spans="6:6" x14ac:dyDescent="0.3">
      <c r="F1012" s="15"/>
    </row>
    <row r="1013" spans="6:6" x14ac:dyDescent="0.3">
      <c r="F1013" s="15"/>
    </row>
    <row r="1014" spans="6:6" x14ac:dyDescent="0.3">
      <c r="F1014" s="15"/>
    </row>
    <row r="1015" spans="6:6" x14ac:dyDescent="0.3">
      <c r="F1015" s="15"/>
    </row>
    <row r="1016" spans="6:6" x14ac:dyDescent="0.3">
      <c r="F1016" s="15"/>
    </row>
    <row r="1017" spans="6:6" x14ac:dyDescent="0.3">
      <c r="F1017" s="15"/>
    </row>
    <row r="1018" spans="6:6" x14ac:dyDescent="0.3">
      <c r="F1018" s="15"/>
    </row>
    <row r="1019" spans="6:6" x14ac:dyDescent="0.3">
      <c r="F1019" s="15"/>
    </row>
    <row r="1020" spans="6:6" x14ac:dyDescent="0.3">
      <c r="F1020" s="15"/>
    </row>
    <row r="1021" spans="6:6" x14ac:dyDescent="0.3">
      <c r="F1021" s="15"/>
    </row>
    <row r="1022" spans="6:6" x14ac:dyDescent="0.3">
      <c r="F1022" s="15"/>
    </row>
    <row r="1023" spans="6:6" x14ac:dyDescent="0.3">
      <c r="F1023" s="15"/>
    </row>
    <row r="1024" spans="6:6" x14ac:dyDescent="0.3">
      <c r="F1024" s="15"/>
    </row>
    <row r="1025" spans="6:6" x14ac:dyDescent="0.3">
      <c r="F1025" s="15"/>
    </row>
    <row r="1026" spans="6:6" x14ac:dyDescent="0.3">
      <c r="F1026" s="15"/>
    </row>
    <row r="1027" spans="6:6" x14ac:dyDescent="0.3">
      <c r="F1027" s="15"/>
    </row>
    <row r="1028" spans="6:6" x14ac:dyDescent="0.3">
      <c r="F1028" s="15"/>
    </row>
    <row r="1029" spans="6:6" x14ac:dyDescent="0.3">
      <c r="F1029" s="15"/>
    </row>
    <row r="1030" spans="6:6" x14ac:dyDescent="0.3">
      <c r="F1030" s="15"/>
    </row>
    <row r="1031" spans="6:6" x14ac:dyDescent="0.3">
      <c r="F1031" s="15"/>
    </row>
    <row r="1032" spans="6:6" x14ac:dyDescent="0.3">
      <c r="F1032" s="15"/>
    </row>
    <row r="1033" spans="6:6" x14ac:dyDescent="0.3">
      <c r="F1033" s="15"/>
    </row>
    <row r="1034" spans="6:6" x14ac:dyDescent="0.3">
      <c r="F1034" s="15"/>
    </row>
    <row r="1035" spans="6:6" x14ac:dyDescent="0.3">
      <c r="F1035" s="15"/>
    </row>
    <row r="1036" spans="6:6" x14ac:dyDescent="0.3">
      <c r="F1036" s="15"/>
    </row>
    <row r="1037" spans="6:6" x14ac:dyDescent="0.3">
      <c r="F1037" s="15"/>
    </row>
    <row r="1038" spans="6:6" x14ac:dyDescent="0.3">
      <c r="F1038" s="15"/>
    </row>
    <row r="1039" spans="6:6" x14ac:dyDescent="0.3">
      <c r="F1039" s="15"/>
    </row>
    <row r="1040" spans="6:6" x14ac:dyDescent="0.3">
      <c r="F1040" s="15"/>
    </row>
    <row r="1041" spans="6:6" x14ac:dyDescent="0.3">
      <c r="F1041" s="15"/>
    </row>
    <row r="1042" spans="6:6" x14ac:dyDescent="0.3">
      <c r="F1042" s="15"/>
    </row>
    <row r="1043" spans="6:6" x14ac:dyDescent="0.3">
      <c r="F1043" s="15"/>
    </row>
    <row r="1044" spans="6:6" x14ac:dyDescent="0.3">
      <c r="F1044" s="15"/>
    </row>
    <row r="1045" spans="6:6" x14ac:dyDescent="0.3">
      <c r="F1045" s="15"/>
    </row>
    <row r="1046" spans="6:6" x14ac:dyDescent="0.3">
      <c r="F1046" s="15"/>
    </row>
    <row r="1047" spans="6:6" x14ac:dyDescent="0.3">
      <c r="F1047" s="15"/>
    </row>
    <row r="1048" spans="6:6" x14ac:dyDescent="0.3">
      <c r="F1048" s="15"/>
    </row>
    <row r="1049" spans="6:6" x14ac:dyDescent="0.3">
      <c r="F1049" s="15"/>
    </row>
    <row r="1050" spans="6:6" x14ac:dyDescent="0.3">
      <c r="F1050" s="15"/>
    </row>
    <row r="1051" spans="6:6" x14ac:dyDescent="0.3">
      <c r="F1051" s="15"/>
    </row>
    <row r="1052" spans="6:6" x14ac:dyDescent="0.3">
      <c r="F1052" s="15"/>
    </row>
    <row r="1053" spans="6:6" x14ac:dyDescent="0.3">
      <c r="F1053" s="15"/>
    </row>
    <row r="1054" spans="6:6" x14ac:dyDescent="0.3">
      <c r="F1054" s="15"/>
    </row>
    <row r="1055" spans="6:6" x14ac:dyDescent="0.3">
      <c r="F1055" s="15"/>
    </row>
    <row r="1056" spans="6:6" x14ac:dyDescent="0.3">
      <c r="F1056" s="15"/>
    </row>
    <row r="1057" spans="6:6" x14ac:dyDescent="0.3">
      <c r="F1057" s="15"/>
    </row>
    <row r="1058" spans="6:6" x14ac:dyDescent="0.3">
      <c r="F1058" s="15"/>
    </row>
    <row r="1059" spans="6:6" x14ac:dyDescent="0.3">
      <c r="F1059" s="15"/>
    </row>
    <row r="1060" spans="6:6" x14ac:dyDescent="0.3">
      <c r="F1060" s="15"/>
    </row>
    <row r="1061" spans="6:6" x14ac:dyDescent="0.3">
      <c r="F1061" s="15"/>
    </row>
    <row r="1062" spans="6:6" x14ac:dyDescent="0.3">
      <c r="F1062" s="15"/>
    </row>
    <row r="1063" spans="6:6" x14ac:dyDescent="0.3">
      <c r="F1063" s="15"/>
    </row>
    <row r="1064" spans="6:6" x14ac:dyDescent="0.3">
      <c r="F1064" s="15"/>
    </row>
    <row r="1065" spans="6:6" x14ac:dyDescent="0.3">
      <c r="F1065" s="15"/>
    </row>
    <row r="1066" spans="6:6" x14ac:dyDescent="0.3">
      <c r="F1066" s="15"/>
    </row>
    <row r="1067" spans="6:6" x14ac:dyDescent="0.3">
      <c r="F1067" s="15"/>
    </row>
    <row r="1068" spans="6:6" x14ac:dyDescent="0.3">
      <c r="F1068" s="15"/>
    </row>
    <row r="1069" spans="6:6" x14ac:dyDescent="0.3">
      <c r="F1069" s="15"/>
    </row>
    <row r="1070" spans="6:6" x14ac:dyDescent="0.3">
      <c r="F1070" s="15"/>
    </row>
    <row r="1071" spans="6:6" x14ac:dyDescent="0.3">
      <c r="F1071" s="15"/>
    </row>
    <row r="1072" spans="6:6" x14ac:dyDescent="0.3">
      <c r="F1072" s="15"/>
    </row>
    <row r="1073" spans="6:6" x14ac:dyDescent="0.3">
      <c r="F1073" s="15"/>
    </row>
    <row r="1074" spans="6:6" x14ac:dyDescent="0.3">
      <c r="F1074" s="15"/>
    </row>
    <row r="1075" spans="6:6" x14ac:dyDescent="0.3">
      <c r="F1075" s="15"/>
    </row>
    <row r="1076" spans="6:6" x14ac:dyDescent="0.3">
      <c r="F1076" s="15"/>
    </row>
    <row r="1077" spans="6:6" x14ac:dyDescent="0.3">
      <c r="F1077" s="15"/>
    </row>
    <row r="1078" spans="6:6" x14ac:dyDescent="0.3">
      <c r="F1078" s="15"/>
    </row>
    <row r="1079" spans="6:6" x14ac:dyDescent="0.3">
      <c r="F1079" s="15"/>
    </row>
    <row r="1080" spans="6:6" x14ac:dyDescent="0.3">
      <c r="F1080" s="15"/>
    </row>
    <row r="1081" spans="6:6" x14ac:dyDescent="0.3">
      <c r="F1081" s="15"/>
    </row>
    <row r="1082" spans="6:6" x14ac:dyDescent="0.3">
      <c r="F1082" s="15"/>
    </row>
    <row r="1083" spans="6:6" x14ac:dyDescent="0.3">
      <c r="F1083" s="15"/>
    </row>
    <row r="1084" spans="6:6" x14ac:dyDescent="0.3">
      <c r="F1084" s="15"/>
    </row>
    <row r="1085" spans="6:6" x14ac:dyDescent="0.3">
      <c r="F1085" s="15"/>
    </row>
    <row r="1086" spans="6:6" x14ac:dyDescent="0.3">
      <c r="F1086" s="15"/>
    </row>
    <row r="1087" spans="6:6" x14ac:dyDescent="0.3">
      <c r="F1087" s="15"/>
    </row>
    <row r="1088" spans="6:6" x14ac:dyDescent="0.3">
      <c r="F1088" s="15"/>
    </row>
    <row r="1089" spans="6:6" x14ac:dyDescent="0.3">
      <c r="F1089" s="15"/>
    </row>
    <row r="1090" spans="6:6" x14ac:dyDescent="0.3">
      <c r="F1090" s="15"/>
    </row>
    <row r="1091" spans="6:6" x14ac:dyDescent="0.3">
      <c r="F1091" s="15"/>
    </row>
    <row r="1092" spans="6:6" x14ac:dyDescent="0.3">
      <c r="F1092" s="15"/>
    </row>
    <row r="1093" spans="6:6" x14ac:dyDescent="0.3">
      <c r="F1093" s="15"/>
    </row>
    <row r="1094" spans="6:6" x14ac:dyDescent="0.3">
      <c r="F1094" s="15"/>
    </row>
    <row r="1095" spans="6:6" x14ac:dyDescent="0.3">
      <c r="F1095" s="15"/>
    </row>
    <row r="1096" spans="6:6" x14ac:dyDescent="0.3">
      <c r="F1096" s="15"/>
    </row>
    <row r="1097" spans="6:6" x14ac:dyDescent="0.3">
      <c r="F1097" s="15"/>
    </row>
    <row r="1098" spans="6:6" x14ac:dyDescent="0.3">
      <c r="F1098" s="15"/>
    </row>
    <row r="1099" spans="6:6" x14ac:dyDescent="0.3">
      <c r="F1099" s="15"/>
    </row>
    <row r="1100" spans="6:6" x14ac:dyDescent="0.3">
      <c r="F1100" s="15"/>
    </row>
    <row r="1101" spans="6:6" x14ac:dyDescent="0.3">
      <c r="F1101" s="15"/>
    </row>
    <row r="1102" spans="6:6" x14ac:dyDescent="0.3">
      <c r="F1102" s="15"/>
    </row>
    <row r="1103" spans="6:6" x14ac:dyDescent="0.3">
      <c r="F1103" s="15"/>
    </row>
    <row r="1104" spans="6:6" x14ac:dyDescent="0.3">
      <c r="F1104" s="15"/>
    </row>
    <row r="1105" spans="6:6" x14ac:dyDescent="0.3">
      <c r="F1105" s="15"/>
    </row>
    <row r="1106" spans="6:6" x14ac:dyDescent="0.3">
      <c r="F1106" s="15"/>
    </row>
    <row r="1107" spans="6:6" x14ac:dyDescent="0.3">
      <c r="F1107" s="15"/>
    </row>
    <row r="1108" spans="6:6" x14ac:dyDescent="0.3">
      <c r="F1108" s="15"/>
    </row>
    <row r="1109" spans="6:6" x14ac:dyDescent="0.3">
      <c r="F1109" s="15"/>
    </row>
    <row r="1110" spans="6:6" x14ac:dyDescent="0.3">
      <c r="F1110" s="15"/>
    </row>
    <row r="1111" spans="6:6" x14ac:dyDescent="0.3">
      <c r="F1111" s="15"/>
    </row>
    <row r="1112" spans="6:6" x14ac:dyDescent="0.3">
      <c r="F1112" s="15"/>
    </row>
    <row r="1113" spans="6:6" x14ac:dyDescent="0.3">
      <c r="F1113" s="15"/>
    </row>
    <row r="1114" spans="6:6" x14ac:dyDescent="0.3">
      <c r="F1114" s="15"/>
    </row>
    <row r="1115" spans="6:6" x14ac:dyDescent="0.3">
      <c r="F1115" s="15"/>
    </row>
    <row r="1116" spans="6:6" x14ac:dyDescent="0.3">
      <c r="F1116" s="15"/>
    </row>
    <row r="1117" spans="6:6" x14ac:dyDescent="0.3">
      <c r="F1117" s="15"/>
    </row>
    <row r="1118" spans="6:6" x14ac:dyDescent="0.3">
      <c r="F1118" s="15"/>
    </row>
    <row r="1119" spans="6:6" x14ac:dyDescent="0.3">
      <c r="F1119" s="15"/>
    </row>
    <row r="1120" spans="6:6" x14ac:dyDescent="0.3">
      <c r="F1120" s="15"/>
    </row>
    <row r="1121" spans="6:6" x14ac:dyDescent="0.3">
      <c r="F1121" s="15"/>
    </row>
    <row r="1122" spans="6:6" x14ac:dyDescent="0.3">
      <c r="F1122" s="15"/>
    </row>
    <row r="1123" spans="6:6" x14ac:dyDescent="0.3">
      <c r="F1123" s="15"/>
    </row>
    <row r="1124" spans="6:6" x14ac:dyDescent="0.3">
      <c r="F1124" s="15"/>
    </row>
    <row r="1125" spans="6:6" x14ac:dyDescent="0.3">
      <c r="F1125" s="15"/>
    </row>
    <row r="1126" spans="6:6" x14ac:dyDescent="0.3">
      <c r="F1126" s="15"/>
    </row>
    <row r="1127" spans="6:6" x14ac:dyDescent="0.3">
      <c r="F1127" s="15"/>
    </row>
    <row r="1128" spans="6:6" x14ac:dyDescent="0.3">
      <c r="F1128" s="15"/>
    </row>
    <row r="1129" spans="6:6" x14ac:dyDescent="0.3">
      <c r="F1129" s="15"/>
    </row>
    <row r="1130" spans="6:6" x14ac:dyDescent="0.3">
      <c r="F1130" s="15"/>
    </row>
    <row r="1131" spans="6:6" x14ac:dyDescent="0.3">
      <c r="F1131" s="15"/>
    </row>
    <row r="1132" spans="6:6" x14ac:dyDescent="0.3">
      <c r="F1132" s="15"/>
    </row>
    <row r="1133" spans="6:6" x14ac:dyDescent="0.3">
      <c r="F1133" s="15"/>
    </row>
    <row r="1134" spans="6:6" x14ac:dyDescent="0.3">
      <c r="F1134" s="15"/>
    </row>
    <row r="1135" spans="6:6" x14ac:dyDescent="0.3">
      <c r="F1135" s="15"/>
    </row>
    <row r="1136" spans="6:6" x14ac:dyDescent="0.3">
      <c r="F1136" s="15"/>
    </row>
    <row r="1137" spans="6:6" x14ac:dyDescent="0.3">
      <c r="F1137" s="15"/>
    </row>
    <row r="1138" spans="6:6" x14ac:dyDescent="0.3">
      <c r="F1138" s="15"/>
    </row>
    <row r="1139" spans="6:6" x14ac:dyDescent="0.3">
      <c r="F1139" s="15"/>
    </row>
    <row r="1140" spans="6:6" x14ac:dyDescent="0.3">
      <c r="F1140" s="15"/>
    </row>
    <row r="1141" spans="6:6" x14ac:dyDescent="0.3">
      <c r="F1141" s="15"/>
    </row>
    <row r="1142" spans="6:6" x14ac:dyDescent="0.3">
      <c r="F1142" s="15"/>
    </row>
    <row r="1143" spans="6:6" x14ac:dyDescent="0.3">
      <c r="F1143" s="15"/>
    </row>
    <row r="1144" spans="6:6" x14ac:dyDescent="0.3">
      <c r="F1144" s="15"/>
    </row>
    <row r="1145" spans="6:6" x14ac:dyDescent="0.3">
      <c r="F1145" s="15"/>
    </row>
    <row r="1146" spans="6:6" x14ac:dyDescent="0.3">
      <c r="F1146" s="15"/>
    </row>
    <row r="1147" spans="6:6" x14ac:dyDescent="0.3">
      <c r="F1147" s="15"/>
    </row>
    <row r="1148" spans="6:6" x14ac:dyDescent="0.3">
      <c r="F1148" s="15"/>
    </row>
    <row r="1149" spans="6:6" x14ac:dyDescent="0.3">
      <c r="F1149" s="15"/>
    </row>
    <row r="1150" spans="6:6" x14ac:dyDescent="0.3">
      <c r="F1150" s="15"/>
    </row>
    <row r="1151" spans="6:6" x14ac:dyDescent="0.3">
      <c r="F1151" s="15"/>
    </row>
    <row r="1152" spans="6:6" x14ac:dyDescent="0.3">
      <c r="F1152" s="15"/>
    </row>
    <row r="1153" spans="6:6" x14ac:dyDescent="0.3">
      <c r="F1153" s="15"/>
    </row>
    <row r="1154" spans="6:6" x14ac:dyDescent="0.3">
      <c r="F1154" s="15"/>
    </row>
    <row r="1155" spans="6:6" x14ac:dyDescent="0.3">
      <c r="F1155" s="15"/>
    </row>
    <row r="1156" spans="6:6" x14ac:dyDescent="0.3">
      <c r="F1156" s="15"/>
    </row>
    <row r="1157" spans="6:6" x14ac:dyDescent="0.3">
      <c r="F1157" s="15"/>
    </row>
    <row r="1158" spans="6:6" x14ac:dyDescent="0.3">
      <c r="F1158" s="15"/>
    </row>
    <row r="1159" spans="6:6" x14ac:dyDescent="0.3">
      <c r="F1159" s="15"/>
    </row>
    <row r="1160" spans="6:6" x14ac:dyDescent="0.3">
      <c r="F1160" s="15"/>
    </row>
    <row r="1161" spans="6:6" x14ac:dyDescent="0.3">
      <c r="F1161" s="15"/>
    </row>
    <row r="1162" spans="6:6" x14ac:dyDescent="0.3">
      <c r="F1162" s="15"/>
    </row>
    <row r="1163" spans="6:6" x14ac:dyDescent="0.3">
      <c r="F1163" s="15"/>
    </row>
    <row r="1164" spans="6:6" x14ac:dyDescent="0.3">
      <c r="F1164" s="15"/>
    </row>
    <row r="1165" spans="6:6" x14ac:dyDescent="0.3">
      <c r="F1165" s="15"/>
    </row>
    <row r="1166" spans="6:6" x14ac:dyDescent="0.3">
      <c r="F1166" s="15"/>
    </row>
    <row r="1167" spans="6:6" x14ac:dyDescent="0.3">
      <c r="F1167" s="15"/>
    </row>
    <row r="1168" spans="6:6" x14ac:dyDescent="0.3">
      <c r="F1168" s="15"/>
    </row>
    <row r="1169" spans="6:6" x14ac:dyDescent="0.3">
      <c r="F1169" s="15"/>
    </row>
    <row r="1170" spans="6:6" x14ac:dyDescent="0.3">
      <c r="F1170" s="15"/>
    </row>
    <row r="1171" spans="6:6" x14ac:dyDescent="0.3">
      <c r="F1171" s="15"/>
    </row>
    <row r="1172" spans="6:6" x14ac:dyDescent="0.3">
      <c r="F1172" s="15"/>
    </row>
    <row r="1173" spans="6:6" x14ac:dyDescent="0.3">
      <c r="F1173" s="15"/>
    </row>
    <row r="1174" spans="6:6" x14ac:dyDescent="0.3">
      <c r="F1174" s="15"/>
    </row>
    <row r="1175" spans="6:6" x14ac:dyDescent="0.3">
      <c r="F1175" s="15"/>
    </row>
    <row r="1176" spans="6:6" x14ac:dyDescent="0.3">
      <c r="F1176" s="15"/>
    </row>
    <row r="1177" spans="6:6" x14ac:dyDescent="0.3">
      <c r="F1177" s="15"/>
    </row>
    <row r="1178" spans="6:6" x14ac:dyDescent="0.3">
      <c r="F1178" s="15"/>
    </row>
    <row r="1179" spans="6:6" x14ac:dyDescent="0.3">
      <c r="F1179" s="15"/>
    </row>
    <row r="1180" spans="6:6" x14ac:dyDescent="0.3">
      <c r="F1180" s="15"/>
    </row>
    <row r="1181" spans="6:6" x14ac:dyDescent="0.3">
      <c r="F1181" s="15"/>
    </row>
    <row r="1182" spans="6:6" x14ac:dyDescent="0.3">
      <c r="F1182" s="15"/>
    </row>
    <row r="1183" spans="6:6" x14ac:dyDescent="0.3">
      <c r="F1183" s="15"/>
    </row>
    <row r="1184" spans="6:6" x14ac:dyDescent="0.3">
      <c r="F1184" s="15"/>
    </row>
    <row r="1185" spans="6:6" x14ac:dyDescent="0.3">
      <c r="F1185" s="15"/>
    </row>
    <row r="1186" spans="6:6" x14ac:dyDescent="0.3">
      <c r="F1186" s="15"/>
    </row>
    <row r="1187" spans="6:6" x14ac:dyDescent="0.3">
      <c r="F1187" s="15"/>
    </row>
    <row r="1188" spans="6:6" x14ac:dyDescent="0.3">
      <c r="F1188" s="15"/>
    </row>
    <row r="1189" spans="6:6" x14ac:dyDescent="0.3">
      <c r="F1189" s="15"/>
    </row>
    <row r="1190" spans="6:6" x14ac:dyDescent="0.3">
      <c r="F1190" s="15"/>
    </row>
    <row r="1191" spans="6:6" x14ac:dyDescent="0.3">
      <c r="F1191" s="15"/>
    </row>
    <row r="1192" spans="6:6" x14ac:dyDescent="0.3">
      <c r="F1192" s="15"/>
    </row>
    <row r="1193" spans="6:6" x14ac:dyDescent="0.3">
      <c r="F1193" s="15"/>
    </row>
    <row r="1194" spans="6:6" x14ac:dyDescent="0.3">
      <c r="F1194" s="15"/>
    </row>
    <row r="1195" spans="6:6" x14ac:dyDescent="0.3">
      <c r="F1195" s="15"/>
    </row>
    <row r="1196" spans="6:6" x14ac:dyDescent="0.3">
      <c r="F1196" s="15"/>
    </row>
    <row r="1197" spans="6:6" x14ac:dyDescent="0.3">
      <c r="F1197" s="15"/>
    </row>
    <row r="1198" spans="6:6" x14ac:dyDescent="0.3">
      <c r="F1198" s="15"/>
    </row>
    <row r="1199" spans="6:6" x14ac:dyDescent="0.3">
      <c r="F1199" s="15"/>
    </row>
    <row r="1200" spans="6:6" x14ac:dyDescent="0.3">
      <c r="F1200" s="15"/>
    </row>
    <row r="1201" spans="6:6" x14ac:dyDescent="0.3">
      <c r="F1201" s="15"/>
    </row>
    <row r="1202" spans="6:6" x14ac:dyDescent="0.3">
      <c r="F1202" s="15"/>
    </row>
    <row r="1203" spans="6:6" x14ac:dyDescent="0.3">
      <c r="F1203" s="15"/>
    </row>
    <row r="1204" spans="6:6" x14ac:dyDescent="0.3">
      <c r="F1204" s="15"/>
    </row>
    <row r="1205" spans="6:6" x14ac:dyDescent="0.3">
      <c r="F1205" s="15"/>
    </row>
    <row r="1206" spans="6:6" x14ac:dyDescent="0.3">
      <c r="F1206" s="15"/>
    </row>
    <row r="1207" spans="6:6" x14ac:dyDescent="0.3">
      <c r="F1207" s="15"/>
    </row>
    <row r="1208" spans="6:6" x14ac:dyDescent="0.3">
      <c r="F1208" s="15"/>
    </row>
    <row r="1209" spans="6:6" x14ac:dyDescent="0.3">
      <c r="F1209" s="15"/>
    </row>
    <row r="1210" spans="6:6" x14ac:dyDescent="0.3">
      <c r="F1210" s="15"/>
    </row>
    <row r="1211" spans="6:6" x14ac:dyDescent="0.3">
      <c r="F1211" s="15"/>
    </row>
    <row r="1212" spans="6:6" x14ac:dyDescent="0.3">
      <c r="F1212" s="15"/>
    </row>
    <row r="1213" spans="6:6" x14ac:dyDescent="0.3">
      <c r="F1213" s="15"/>
    </row>
    <row r="1214" spans="6:6" x14ac:dyDescent="0.3">
      <c r="F1214" s="15"/>
    </row>
    <row r="1215" spans="6:6" x14ac:dyDescent="0.3">
      <c r="F1215" s="15"/>
    </row>
    <row r="1216" spans="6:6" x14ac:dyDescent="0.3">
      <c r="F1216" s="15"/>
    </row>
    <row r="1217" spans="6:6" x14ac:dyDescent="0.3">
      <c r="F1217" s="15"/>
    </row>
    <row r="1218" spans="6:6" x14ac:dyDescent="0.3">
      <c r="F1218" s="15"/>
    </row>
    <row r="1219" spans="6:6" x14ac:dyDescent="0.3">
      <c r="F1219" s="15"/>
    </row>
    <row r="1220" spans="6:6" x14ac:dyDescent="0.3">
      <c r="F1220" s="15"/>
    </row>
    <row r="1221" spans="6:6" x14ac:dyDescent="0.3">
      <c r="F1221" s="15"/>
    </row>
    <row r="1222" spans="6:6" x14ac:dyDescent="0.3">
      <c r="F1222" s="15"/>
    </row>
    <row r="1223" spans="6:6" x14ac:dyDescent="0.3">
      <c r="F1223" s="15"/>
    </row>
    <row r="1224" spans="6:6" x14ac:dyDescent="0.3">
      <c r="F1224" s="15"/>
    </row>
    <row r="1225" spans="6:6" x14ac:dyDescent="0.3">
      <c r="F1225" s="15"/>
    </row>
    <row r="1226" spans="6:6" x14ac:dyDescent="0.3">
      <c r="F1226" s="15"/>
    </row>
    <row r="1227" spans="6:6" x14ac:dyDescent="0.3">
      <c r="F1227" s="15"/>
    </row>
    <row r="1228" spans="6:6" x14ac:dyDescent="0.3">
      <c r="F1228" s="15"/>
    </row>
    <row r="1229" spans="6:6" x14ac:dyDescent="0.3">
      <c r="F1229" s="15"/>
    </row>
    <row r="1230" spans="6:6" x14ac:dyDescent="0.3">
      <c r="F1230" s="15"/>
    </row>
    <row r="1231" spans="6:6" x14ac:dyDescent="0.3">
      <c r="F1231" s="15"/>
    </row>
    <row r="1232" spans="6:6" x14ac:dyDescent="0.3">
      <c r="F1232" s="15"/>
    </row>
    <row r="1233" spans="6:6" x14ac:dyDescent="0.3">
      <c r="F1233" s="15"/>
    </row>
    <row r="1234" spans="6:6" x14ac:dyDescent="0.3">
      <c r="F1234" s="15"/>
    </row>
    <row r="1235" spans="6:6" x14ac:dyDescent="0.3">
      <c r="F1235" s="15"/>
    </row>
    <row r="1236" spans="6:6" x14ac:dyDescent="0.3">
      <c r="F1236" s="15"/>
    </row>
    <row r="1237" spans="6:6" x14ac:dyDescent="0.3">
      <c r="F1237" s="15"/>
    </row>
    <row r="1238" spans="6:6" x14ac:dyDescent="0.3">
      <c r="F1238" s="15"/>
    </row>
    <row r="1239" spans="6:6" x14ac:dyDescent="0.3">
      <c r="F1239" s="15"/>
    </row>
    <row r="1240" spans="6:6" x14ac:dyDescent="0.3">
      <c r="F1240" s="15"/>
    </row>
    <row r="1241" spans="6:6" x14ac:dyDescent="0.3">
      <c r="F1241" s="15"/>
    </row>
    <row r="1242" spans="6:6" x14ac:dyDescent="0.3">
      <c r="F1242" s="15"/>
    </row>
    <row r="1243" spans="6:6" x14ac:dyDescent="0.3">
      <c r="F1243" s="15"/>
    </row>
    <row r="1244" spans="6:6" x14ac:dyDescent="0.3">
      <c r="F1244" s="15"/>
    </row>
    <row r="1245" spans="6:6" x14ac:dyDescent="0.3">
      <c r="F1245" s="15"/>
    </row>
    <row r="1246" spans="6:6" x14ac:dyDescent="0.3">
      <c r="F1246" s="15"/>
    </row>
    <row r="1247" spans="6:6" x14ac:dyDescent="0.3">
      <c r="F1247" s="15"/>
    </row>
    <row r="1248" spans="6:6" x14ac:dyDescent="0.3">
      <c r="F1248" s="15"/>
    </row>
    <row r="1249" spans="6:6" x14ac:dyDescent="0.3">
      <c r="F1249" s="15"/>
    </row>
    <row r="1250" spans="6:6" x14ac:dyDescent="0.3">
      <c r="F1250" s="15"/>
    </row>
    <row r="1251" spans="6:6" x14ac:dyDescent="0.3">
      <c r="F1251" s="15"/>
    </row>
    <row r="1252" spans="6:6" x14ac:dyDescent="0.3">
      <c r="F1252" s="15"/>
    </row>
    <row r="1253" spans="6:6" x14ac:dyDescent="0.3">
      <c r="F1253" s="15"/>
    </row>
    <row r="1254" spans="6:6" x14ac:dyDescent="0.3">
      <c r="F1254" s="15"/>
    </row>
    <row r="1255" spans="6:6" x14ac:dyDescent="0.3">
      <c r="F1255" s="15"/>
    </row>
    <row r="1256" spans="6:6" x14ac:dyDescent="0.3">
      <c r="F1256" s="15"/>
    </row>
    <row r="1257" spans="6:6" x14ac:dyDescent="0.3">
      <c r="F1257" s="15"/>
    </row>
    <row r="1258" spans="6:6" x14ac:dyDescent="0.3">
      <c r="F1258" s="15"/>
    </row>
    <row r="1259" spans="6:6" x14ac:dyDescent="0.3">
      <c r="F1259" s="15"/>
    </row>
    <row r="1260" spans="6:6" x14ac:dyDescent="0.3">
      <c r="F1260" s="15"/>
    </row>
    <row r="1261" spans="6:6" x14ac:dyDescent="0.3">
      <c r="F1261" s="15"/>
    </row>
    <row r="1262" spans="6:6" x14ac:dyDescent="0.3">
      <c r="F1262" s="15"/>
    </row>
    <row r="1263" spans="6:6" x14ac:dyDescent="0.3">
      <c r="F1263" s="15"/>
    </row>
    <row r="1264" spans="6:6" x14ac:dyDescent="0.3">
      <c r="F1264" s="15"/>
    </row>
    <row r="1265" spans="6:6" x14ac:dyDescent="0.3">
      <c r="F1265" s="15"/>
    </row>
    <row r="1266" spans="6:6" x14ac:dyDescent="0.3">
      <c r="F1266" s="15"/>
    </row>
    <row r="1267" spans="6:6" x14ac:dyDescent="0.3">
      <c r="F1267" s="15"/>
    </row>
    <row r="1268" spans="6:6" x14ac:dyDescent="0.3">
      <c r="F1268" s="15"/>
    </row>
    <row r="1269" spans="6:6" x14ac:dyDescent="0.3">
      <c r="F1269" s="15"/>
    </row>
    <row r="1270" spans="6:6" x14ac:dyDescent="0.3">
      <c r="F1270" s="15"/>
    </row>
    <row r="1271" spans="6:6" x14ac:dyDescent="0.3">
      <c r="F1271" s="15"/>
    </row>
    <row r="1272" spans="6:6" x14ac:dyDescent="0.3">
      <c r="F1272" s="15"/>
    </row>
    <row r="1273" spans="6:6" x14ac:dyDescent="0.3">
      <c r="F1273" s="15"/>
    </row>
    <row r="1274" spans="6:6" x14ac:dyDescent="0.3">
      <c r="F1274" s="15"/>
    </row>
    <row r="1275" spans="6:6" x14ac:dyDescent="0.3">
      <c r="F1275" s="15"/>
    </row>
    <row r="1276" spans="6:6" x14ac:dyDescent="0.3">
      <c r="F1276" s="15"/>
    </row>
    <row r="1277" spans="6:6" x14ac:dyDescent="0.3">
      <c r="F1277" s="15"/>
    </row>
    <row r="1278" spans="6:6" x14ac:dyDescent="0.3">
      <c r="F1278" s="15"/>
    </row>
    <row r="1279" spans="6:6" x14ac:dyDescent="0.3">
      <c r="F1279" s="15"/>
    </row>
    <row r="1280" spans="6:6" x14ac:dyDescent="0.3">
      <c r="F1280" s="15"/>
    </row>
    <row r="1281" spans="6:6" x14ac:dyDescent="0.3">
      <c r="F1281" s="15"/>
    </row>
    <row r="1282" spans="6:6" x14ac:dyDescent="0.3">
      <c r="F1282" s="15"/>
    </row>
    <row r="1283" spans="6:6" x14ac:dyDescent="0.3">
      <c r="F1283" s="15"/>
    </row>
    <row r="1284" spans="6:6" x14ac:dyDescent="0.3">
      <c r="F1284" s="15"/>
    </row>
    <row r="1285" spans="6:6" x14ac:dyDescent="0.3">
      <c r="F1285" s="15"/>
    </row>
    <row r="1286" spans="6:6" x14ac:dyDescent="0.3">
      <c r="F1286" s="15"/>
    </row>
    <row r="1287" spans="6:6" x14ac:dyDescent="0.3">
      <c r="F1287" s="15"/>
    </row>
    <row r="1288" spans="6:6" x14ac:dyDescent="0.3">
      <c r="F1288" s="15"/>
    </row>
    <row r="1289" spans="6:6" x14ac:dyDescent="0.3">
      <c r="F1289" s="15"/>
    </row>
    <row r="1290" spans="6:6" x14ac:dyDescent="0.3">
      <c r="F1290" s="15"/>
    </row>
    <row r="1291" spans="6:6" x14ac:dyDescent="0.3">
      <c r="F1291" s="15"/>
    </row>
    <row r="1292" spans="6:6" x14ac:dyDescent="0.3">
      <c r="F1292" s="15"/>
    </row>
    <row r="1293" spans="6:6" x14ac:dyDescent="0.3">
      <c r="F1293" s="15"/>
    </row>
    <row r="1294" spans="6:6" x14ac:dyDescent="0.3">
      <c r="F1294" s="15"/>
    </row>
    <row r="1295" spans="6:6" x14ac:dyDescent="0.3">
      <c r="F1295" s="15"/>
    </row>
    <row r="1296" spans="6:6" x14ac:dyDescent="0.3">
      <c r="F1296" s="15"/>
    </row>
    <row r="1297" spans="6:6" x14ac:dyDescent="0.3">
      <c r="F1297" s="15"/>
    </row>
    <row r="1298" spans="6:6" x14ac:dyDescent="0.3">
      <c r="F1298" s="15"/>
    </row>
    <row r="1299" spans="6:6" x14ac:dyDescent="0.3">
      <c r="F1299" s="15"/>
    </row>
    <row r="1300" spans="6:6" x14ac:dyDescent="0.3">
      <c r="F1300" s="15"/>
    </row>
    <row r="1301" spans="6:6" x14ac:dyDescent="0.3">
      <c r="F1301" s="15"/>
    </row>
    <row r="1302" spans="6:6" x14ac:dyDescent="0.3">
      <c r="F1302" s="15"/>
    </row>
    <row r="1303" spans="6:6" x14ac:dyDescent="0.3">
      <c r="F1303" s="15"/>
    </row>
    <row r="1304" spans="6:6" x14ac:dyDescent="0.3">
      <c r="F1304" s="15"/>
    </row>
    <row r="1305" spans="6:6" x14ac:dyDescent="0.3">
      <c r="F1305" s="15"/>
    </row>
    <row r="1306" spans="6:6" x14ac:dyDescent="0.3">
      <c r="F1306" s="15"/>
    </row>
    <row r="1307" spans="6:6" x14ac:dyDescent="0.3">
      <c r="F1307" s="15"/>
    </row>
    <row r="1308" spans="6:6" x14ac:dyDescent="0.3">
      <c r="F1308" s="15"/>
    </row>
    <row r="1309" spans="6:6" x14ac:dyDescent="0.3">
      <c r="F1309" s="15"/>
    </row>
    <row r="1310" spans="6:6" x14ac:dyDescent="0.3">
      <c r="F1310" s="15"/>
    </row>
    <row r="1311" spans="6:6" x14ac:dyDescent="0.3">
      <c r="F1311" s="15"/>
    </row>
    <row r="1312" spans="6:6" x14ac:dyDescent="0.3">
      <c r="F1312" s="15"/>
    </row>
    <row r="1313" spans="6:6" x14ac:dyDescent="0.3">
      <c r="F1313" s="15"/>
    </row>
    <row r="1314" spans="6:6" x14ac:dyDescent="0.3">
      <c r="F1314" s="15"/>
    </row>
    <row r="1315" spans="6:6" x14ac:dyDescent="0.3">
      <c r="F1315" s="15"/>
    </row>
    <row r="1316" spans="6:6" x14ac:dyDescent="0.3">
      <c r="F1316" s="15"/>
    </row>
    <row r="1317" spans="6:6" x14ac:dyDescent="0.3">
      <c r="F1317" s="15"/>
    </row>
    <row r="1318" spans="6:6" x14ac:dyDescent="0.3">
      <c r="F1318" s="15"/>
    </row>
    <row r="1319" spans="6:6" x14ac:dyDescent="0.3">
      <c r="F1319" s="15"/>
    </row>
    <row r="1320" spans="6:6" x14ac:dyDescent="0.3">
      <c r="F1320" s="15"/>
    </row>
    <row r="1321" spans="6:6" x14ac:dyDescent="0.3">
      <c r="F1321" s="15"/>
    </row>
    <row r="1322" spans="6:6" x14ac:dyDescent="0.3">
      <c r="F1322" s="15"/>
    </row>
    <row r="1323" spans="6:6" x14ac:dyDescent="0.3">
      <c r="F1323" s="15"/>
    </row>
    <row r="1324" spans="6:6" x14ac:dyDescent="0.3">
      <c r="F1324" s="15"/>
    </row>
    <row r="1325" spans="6:6" x14ac:dyDescent="0.3">
      <c r="F1325" s="15"/>
    </row>
    <row r="1326" spans="6:6" x14ac:dyDescent="0.3">
      <c r="F1326" s="15"/>
    </row>
    <row r="1327" spans="6:6" x14ac:dyDescent="0.3">
      <c r="F1327" s="15"/>
    </row>
    <row r="1328" spans="6:6" x14ac:dyDescent="0.3">
      <c r="F1328" s="15"/>
    </row>
    <row r="1329" spans="6:6" x14ac:dyDescent="0.3">
      <c r="F1329" s="15"/>
    </row>
    <row r="1330" spans="6:6" x14ac:dyDescent="0.3">
      <c r="F1330" s="15"/>
    </row>
    <row r="1331" spans="6:6" x14ac:dyDescent="0.3">
      <c r="F1331" s="15"/>
    </row>
    <row r="1332" spans="6:6" x14ac:dyDescent="0.3">
      <c r="F1332" s="15"/>
    </row>
    <row r="1333" spans="6:6" x14ac:dyDescent="0.3">
      <c r="F1333" s="15"/>
    </row>
    <row r="1334" spans="6:6" x14ac:dyDescent="0.3">
      <c r="F1334" s="15"/>
    </row>
    <row r="1335" spans="6:6" x14ac:dyDescent="0.3">
      <c r="F1335" s="15"/>
    </row>
    <row r="1336" spans="6:6" x14ac:dyDescent="0.3">
      <c r="F1336" s="15"/>
    </row>
    <row r="1337" spans="6:6" x14ac:dyDescent="0.3">
      <c r="F1337" s="15"/>
    </row>
    <row r="1338" spans="6:6" x14ac:dyDescent="0.3">
      <c r="F1338" s="15"/>
    </row>
    <row r="1339" spans="6:6" x14ac:dyDescent="0.3">
      <c r="F1339" s="15"/>
    </row>
    <row r="1340" spans="6:6" x14ac:dyDescent="0.3">
      <c r="F1340" s="15"/>
    </row>
    <row r="1341" spans="6:6" x14ac:dyDescent="0.3">
      <c r="F1341" s="15"/>
    </row>
    <row r="1342" spans="6:6" x14ac:dyDescent="0.3">
      <c r="F1342" s="15"/>
    </row>
    <row r="1343" spans="6:6" x14ac:dyDescent="0.3">
      <c r="F1343" s="15"/>
    </row>
    <row r="1344" spans="6:6" x14ac:dyDescent="0.3">
      <c r="F1344" s="15"/>
    </row>
    <row r="1345" spans="6:6" x14ac:dyDescent="0.3">
      <c r="F1345" s="15"/>
    </row>
    <row r="1346" spans="6:6" x14ac:dyDescent="0.3">
      <c r="F1346" s="15"/>
    </row>
    <row r="1347" spans="6:6" x14ac:dyDescent="0.3">
      <c r="F1347" s="15"/>
    </row>
    <row r="1348" spans="6:6" x14ac:dyDescent="0.3">
      <c r="F1348" s="15"/>
    </row>
    <row r="1349" spans="6:6" x14ac:dyDescent="0.3">
      <c r="F1349" s="15"/>
    </row>
    <row r="1350" spans="6:6" x14ac:dyDescent="0.3">
      <c r="F1350" s="15"/>
    </row>
    <row r="1351" spans="6:6" x14ac:dyDescent="0.3">
      <c r="F1351" s="15"/>
    </row>
    <row r="1352" spans="6:6" x14ac:dyDescent="0.3">
      <c r="F1352" s="15"/>
    </row>
    <row r="1353" spans="6:6" x14ac:dyDescent="0.3">
      <c r="F1353" s="15"/>
    </row>
    <row r="1354" spans="6:6" x14ac:dyDescent="0.3">
      <c r="F1354" s="15"/>
    </row>
    <row r="1355" spans="6:6" x14ac:dyDescent="0.3">
      <c r="F1355" s="15"/>
    </row>
    <row r="1356" spans="6:6" x14ac:dyDescent="0.3">
      <c r="F1356" s="15"/>
    </row>
    <row r="1357" spans="6:6" x14ac:dyDescent="0.3">
      <c r="F1357" s="15"/>
    </row>
    <row r="1358" spans="6:6" x14ac:dyDescent="0.3">
      <c r="F1358" s="15"/>
    </row>
    <row r="1359" spans="6:6" x14ac:dyDescent="0.3">
      <c r="F1359" s="15"/>
    </row>
    <row r="1360" spans="6:6" x14ac:dyDescent="0.3">
      <c r="F1360" s="15"/>
    </row>
    <row r="1361" spans="6:6" x14ac:dyDescent="0.3">
      <c r="F1361" s="15"/>
    </row>
    <row r="1362" spans="6:6" x14ac:dyDescent="0.3">
      <c r="F1362" s="15"/>
    </row>
    <row r="1363" spans="6:6" x14ac:dyDescent="0.3">
      <c r="F1363" s="15"/>
    </row>
    <row r="1364" spans="6:6" x14ac:dyDescent="0.3">
      <c r="F1364" s="15"/>
    </row>
    <row r="1365" spans="6:6" x14ac:dyDescent="0.3">
      <c r="F1365" s="15"/>
    </row>
    <row r="1366" spans="6:6" x14ac:dyDescent="0.3">
      <c r="F1366" s="15"/>
    </row>
    <row r="1367" spans="6:6" x14ac:dyDescent="0.3">
      <c r="F1367" s="15"/>
    </row>
    <row r="1368" spans="6:6" x14ac:dyDescent="0.3">
      <c r="F1368" s="15"/>
    </row>
    <row r="1369" spans="6:6" x14ac:dyDescent="0.3">
      <c r="F1369" s="15"/>
    </row>
    <row r="1370" spans="6:6" x14ac:dyDescent="0.3">
      <c r="F1370" s="15"/>
    </row>
    <row r="1371" spans="6:6" x14ac:dyDescent="0.3">
      <c r="F1371" s="15"/>
    </row>
    <row r="1372" spans="6:6" x14ac:dyDescent="0.3">
      <c r="F1372" s="15"/>
    </row>
    <row r="1373" spans="6:6" x14ac:dyDescent="0.3">
      <c r="F1373" s="15"/>
    </row>
    <row r="1374" spans="6:6" x14ac:dyDescent="0.3">
      <c r="F1374" s="15"/>
    </row>
    <row r="1375" spans="6:6" x14ac:dyDescent="0.3">
      <c r="F1375" s="15"/>
    </row>
    <row r="1376" spans="6:6" x14ac:dyDescent="0.3">
      <c r="F1376" s="15"/>
    </row>
    <row r="1377" spans="6:6" x14ac:dyDescent="0.3">
      <c r="F1377" s="15"/>
    </row>
    <row r="1378" spans="6:6" x14ac:dyDescent="0.3">
      <c r="F1378" s="15"/>
    </row>
    <row r="1379" spans="6:6" x14ac:dyDescent="0.3">
      <c r="F1379" s="15"/>
    </row>
    <row r="1380" spans="6:6" x14ac:dyDescent="0.3">
      <c r="F1380" s="15"/>
    </row>
  </sheetData>
  <autoFilter ref="A1:P123">
    <filterColumn colId="7">
      <filters>
        <filter val="RMS"/>
        <filter val="RMS/WMS"/>
        <filter val="ROS/WMS/RMS"/>
      </filters>
    </filterColumn>
  </autoFilter>
  <sortState ref="A2:O123">
    <sortCondition ref="E44"/>
  </sortState>
  <dataValidations count="5">
    <dataValidation type="list" allowBlank="1" showInputMessage="1" showErrorMessage="1" sqref="B2:B1048576">
      <formula1>INDIRECT("Categories[Category]")</formula1>
    </dataValidation>
    <dataValidation type="list" allowBlank="1" showInputMessage="1" showErrorMessage="1" sqref="G2:G1048576">
      <formula1>INDIRECT("Timing[Timing]")</formula1>
    </dataValidation>
    <dataValidation type="list" allowBlank="1" showInputMessage="1" showErrorMessage="1" sqref="H2:H1048576">
      <formula1>INDIRECT("Owner[Owners]")</formula1>
    </dataValidation>
    <dataValidation type="list" allowBlank="1" showInputMessage="1" showErrorMessage="1" sqref="I2:I1048576">
      <formula1>INDIRECT("TACPriority[TACPriority]")</formula1>
    </dataValidation>
    <dataValidation type="list" allowBlank="1" showInputMessage="1" showErrorMessage="1" sqref="J2:J1048576">
      <formula1>INDIRECT("Status[Status]")</formula1>
    </dataValidation>
  </dataValidations>
  <pageMargins left="0.7" right="0.7" top="0.75" bottom="0.75" header="0.3" footer="0.3"/>
  <pageSetup orientation="portrait" r:id="rId1"/>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43"/>
  <sheetViews>
    <sheetView workbookViewId="0">
      <selection activeCell="A11" sqref="A11"/>
    </sheetView>
  </sheetViews>
  <sheetFormatPr defaultRowHeight="14.4" x14ac:dyDescent="0.3"/>
  <cols>
    <col min="1" max="1" width="31" bestFit="1" customWidth="1"/>
  </cols>
  <sheetData>
    <row r="1" spans="1:1" x14ac:dyDescent="0.3">
      <c r="A1" s="1" t="s">
        <v>14</v>
      </c>
    </row>
    <row r="2" spans="1:1" x14ac:dyDescent="0.3">
      <c r="A2" s="2" t="s">
        <v>23</v>
      </c>
    </row>
    <row r="3" spans="1:1" x14ac:dyDescent="0.3">
      <c r="A3" t="s">
        <v>12</v>
      </c>
    </row>
    <row r="4" spans="1:1" x14ac:dyDescent="0.3">
      <c r="A4" t="s">
        <v>10</v>
      </c>
    </row>
    <row r="5" spans="1:1" x14ac:dyDescent="0.3">
      <c r="A5" t="s">
        <v>18</v>
      </c>
    </row>
    <row r="6" spans="1:1" ht="14.25" customHeight="1" x14ac:dyDescent="0.3">
      <c r="A6" t="s">
        <v>13</v>
      </c>
    </row>
    <row r="7" spans="1:1" ht="14.25" customHeight="1" x14ac:dyDescent="0.3">
      <c r="A7" t="s">
        <v>11</v>
      </c>
    </row>
    <row r="8" spans="1:1" ht="14.25" customHeight="1" x14ac:dyDescent="0.3">
      <c r="A8" t="s">
        <v>142</v>
      </c>
    </row>
    <row r="9" spans="1:1" ht="14.25" customHeight="1" x14ac:dyDescent="0.3">
      <c r="A9" t="s">
        <v>188</v>
      </c>
    </row>
    <row r="10" spans="1:1" ht="14.25" customHeight="1" x14ac:dyDescent="0.3">
      <c r="A10" t="s">
        <v>313</v>
      </c>
    </row>
    <row r="11" spans="1:1" ht="14.25" customHeight="1" x14ac:dyDescent="0.3">
      <c r="A11" t="s">
        <v>141</v>
      </c>
    </row>
    <row r="13" spans="1:1" x14ac:dyDescent="0.3">
      <c r="A13" t="s">
        <v>40</v>
      </c>
    </row>
    <row r="14" spans="1:1" x14ac:dyDescent="0.3">
      <c r="A14" t="s">
        <v>15</v>
      </c>
    </row>
    <row r="15" spans="1:1" x14ac:dyDescent="0.3">
      <c r="A15" t="s">
        <v>16</v>
      </c>
    </row>
    <row r="16" spans="1:1" x14ac:dyDescent="0.3">
      <c r="A16" t="s">
        <v>17</v>
      </c>
    </row>
    <row r="18" spans="1:1" x14ac:dyDescent="0.3">
      <c r="A18" t="s">
        <v>6</v>
      </c>
    </row>
    <row r="19" spans="1:1" x14ac:dyDescent="0.3">
      <c r="A19" t="s">
        <v>19</v>
      </c>
    </row>
    <row r="20" spans="1:1" x14ac:dyDescent="0.3">
      <c r="A20" t="s">
        <v>20</v>
      </c>
    </row>
    <row r="21" spans="1:1" x14ac:dyDescent="0.3">
      <c r="A21" t="s">
        <v>197</v>
      </c>
    </row>
    <row r="22" spans="1:1" x14ac:dyDescent="0.3">
      <c r="A22" t="s">
        <v>21</v>
      </c>
    </row>
    <row r="23" spans="1:1" x14ac:dyDescent="0.3">
      <c r="A23" t="s">
        <v>22</v>
      </c>
    </row>
    <row r="25" spans="1:1" x14ac:dyDescent="0.3">
      <c r="A25" s="3" t="s">
        <v>4</v>
      </c>
    </row>
    <row r="26" spans="1:1" x14ac:dyDescent="0.3">
      <c r="A26" s="4" t="s">
        <v>0</v>
      </c>
    </row>
    <row r="27" spans="1:1" x14ac:dyDescent="0.3">
      <c r="A27" s="4" t="s">
        <v>134</v>
      </c>
    </row>
    <row r="28" spans="1:1" x14ac:dyDescent="0.3">
      <c r="A28" s="4" t="s">
        <v>135</v>
      </c>
    </row>
    <row r="29" spans="1:1" x14ac:dyDescent="0.3">
      <c r="A29" s="4" t="s">
        <v>140</v>
      </c>
    </row>
    <row r="30" spans="1:1" x14ac:dyDescent="0.3">
      <c r="A30" s="4" t="s">
        <v>1</v>
      </c>
    </row>
    <row r="32" spans="1:1" x14ac:dyDescent="0.3">
      <c r="A32" t="s">
        <v>3</v>
      </c>
    </row>
    <row r="33" spans="1:1" x14ac:dyDescent="0.3">
      <c r="A33" t="s">
        <v>24</v>
      </c>
    </row>
    <row r="34" spans="1:1" x14ac:dyDescent="0.3">
      <c r="A34" t="s">
        <v>38</v>
      </c>
    </row>
    <row r="35" spans="1:1" x14ac:dyDescent="0.3">
      <c r="A35" t="s">
        <v>41</v>
      </c>
    </row>
    <row r="36" spans="1:1" x14ac:dyDescent="0.3">
      <c r="A36" t="s">
        <v>49</v>
      </c>
    </row>
    <row r="37" spans="1:1" x14ac:dyDescent="0.3">
      <c r="A37" t="s">
        <v>52</v>
      </c>
    </row>
    <row r="38" spans="1:1" x14ac:dyDescent="0.3">
      <c r="A38" t="s">
        <v>53</v>
      </c>
    </row>
    <row r="39" spans="1:1" x14ac:dyDescent="0.3">
      <c r="A39" t="s">
        <v>54</v>
      </c>
    </row>
    <row r="40" spans="1:1" x14ac:dyDescent="0.3">
      <c r="A40" t="s">
        <v>55</v>
      </c>
    </row>
    <row r="41" spans="1:1" x14ac:dyDescent="0.3">
      <c r="A41" t="s">
        <v>56</v>
      </c>
    </row>
    <row r="42" spans="1:1" x14ac:dyDescent="0.3">
      <c r="A42" t="s">
        <v>57</v>
      </c>
    </row>
    <row r="43" spans="1:1" x14ac:dyDescent="0.3">
      <c r="A43" t="s">
        <v>58</v>
      </c>
    </row>
  </sheetData>
  <pageMargins left="0.7" right="0.7" top="0.75" bottom="0.75" header="0.3" footer="0.3"/>
  <tableParts count="5">
    <tablePart r:id="rId1"/>
    <tablePart r:id="rId2"/>
    <tablePart r:id="rId3"/>
    <tablePart r:id="rId4"/>
    <tablePart r:id="rId5"/>
  </tablePart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7"/>
  <sheetViews>
    <sheetView workbookViewId="0"/>
  </sheetViews>
  <sheetFormatPr defaultRowHeight="14.4" x14ac:dyDescent="0.3"/>
  <cols>
    <col min="1" max="1" width="87.6640625" customWidth="1"/>
  </cols>
  <sheetData>
    <row r="1" spans="1:1" x14ac:dyDescent="0.3">
      <c r="A1" s="41" t="s">
        <v>231</v>
      </c>
    </row>
    <row r="3" spans="1:1" ht="24" customHeight="1" x14ac:dyDescent="0.3">
      <c r="A3" t="s">
        <v>192</v>
      </c>
    </row>
    <row r="4" spans="1:1" ht="22.5" customHeight="1" x14ac:dyDescent="0.3">
      <c r="A4" t="s">
        <v>193</v>
      </c>
    </row>
    <row r="5" spans="1:1" ht="28.8" x14ac:dyDescent="0.3">
      <c r="A5" s="40" t="s">
        <v>196</v>
      </c>
    </row>
    <row r="6" spans="1:1" ht="28.8" x14ac:dyDescent="0.3">
      <c r="A6" s="40" t="s">
        <v>194</v>
      </c>
    </row>
    <row r="7" spans="1:1" ht="28.8" x14ac:dyDescent="0.3">
      <c r="A7" s="40" t="s">
        <v>195</v>
      </c>
    </row>
  </sheetData>
  <pageMargins left="0.7" right="0.7" top="0.75" bottom="0.75" header="0.3" footer="0.3"/>
  <pageSetup orientation="portrait" horizontalDpi="1200" verticalDpi="1200"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userSelected">
  <element uid="c5f8eb12-5b27-439d-aaa6-3402af626fa3" value=""/>
</sisl>
</file>

<file path=customXml/itemProps1.xml><?xml version="1.0" encoding="utf-8"?>
<ds:datastoreItem xmlns:ds="http://schemas.openxmlformats.org/officeDocument/2006/customXml" ds:itemID="{B422A70E-0066-4C58-A846-700F1A761E76}">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vt:i4>
      </vt:variant>
      <vt:variant>
        <vt:lpstr>Named Ranges</vt:lpstr>
      </vt:variant>
      <vt:variant>
        <vt:i4>2</vt:i4>
      </vt:variant>
    </vt:vector>
  </HeadingPairs>
  <TitlesOfParts>
    <vt:vector size="5" baseType="lpstr">
      <vt:lpstr>Issues</vt:lpstr>
      <vt:lpstr>RefTables</vt:lpstr>
      <vt:lpstr>Process</vt:lpstr>
      <vt:lpstr>Issues!_Hlk65528898</vt:lpstr>
      <vt:lpstr>Issues!_Hlk65627219</vt:lpstr>
    </vt:vector>
  </TitlesOfParts>
  <Company>The Electric Reliability Council of Texa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 Phillips</dc:creator>
  <cp:keywords/>
  <cp:lastModifiedBy>s262089</cp:lastModifiedBy>
  <dcterms:created xsi:type="dcterms:W3CDTF">2021-03-05T14:41:05Z</dcterms:created>
  <dcterms:modified xsi:type="dcterms:W3CDTF">2021-10-19T17:08:2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88017022-b8b0-41b3-a497-4adb8bd9ef5d</vt:lpwstr>
  </property>
  <property fmtid="{D5CDD505-2E9C-101B-9397-08002B2CF9AE}" pid="3" name="bjSaver">
    <vt:lpwstr>hVeZjyyepu7wfUb3kwBo4T82bAn9HrXq</vt:lpwstr>
  </property>
  <property fmtid="{D5CDD505-2E9C-101B-9397-08002B2CF9AE}" pid="4"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5" name="bjDocumentLabelXML-0">
    <vt:lpwstr>ames.com/2008/01/sie/internal/label"&gt;&lt;element uid="c5f8eb12-5b27-439d-aaa6-3402af626fa3" value="" /&gt;&lt;/sisl&gt;</vt:lpwstr>
  </property>
  <property fmtid="{D5CDD505-2E9C-101B-9397-08002B2CF9AE}" pid="6" name="bjDocumentSecurityLabel">
    <vt:lpwstr>AEP Public</vt:lpwstr>
  </property>
</Properties>
</file>